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5" rupBuild="24332"/>
  <workbookPr defaultThemeVersion="124226"/>
  <mc:AlternateContent xmlns:mc="http://schemas.openxmlformats.org/markup-compatibility/2006">
    <mc:Choice Requires="x15">
      <x15ac:absPath xmlns:x15ac="http://schemas.microsoft.com/office/spreadsheetml/2010/11/ac" url="J:\s1\　企画調整課フォルダ\04統計調査\04　県等委託統計\06　人口調査\人口データ\1 元データ\R6\2401\HP2401\"/>
    </mc:Choice>
  </mc:AlternateContent>
  <xr:revisionPtr revIDLastSave="0" documentId="13_ncr:1_{82D7B338-990B-49CA-A0CA-11C05078940F}" xr6:coauthVersionLast="47" xr6:coauthVersionMax="47" xr10:uidLastSave="{00000000-0000-0000-0000-000000000000}"/>
  <bookViews>
    <workbookView xWindow="-108" yWindow="-108" windowWidth="23256" windowHeight="12576" xr2:uid="{00000000-000D-0000-FFFF-FFFF00000000}"/>
  </bookViews>
  <sheets>
    <sheet name="外国人世帯数・人員数" sheetId="1" r:id="rId1"/>
  </sheets>
  <calcPr calcId="152511"/>
</workbook>
</file>

<file path=xl/sharedStrings.xml><?xml version="1.0" encoding="utf-8"?>
<sst xmlns="http://schemas.openxmlformats.org/spreadsheetml/2006/main" count="431" uniqueCount="14">
  <si>
    <t>男</t>
    <rPh sb="0" eb="1">
      <t>オトコ</t>
    </rPh>
    <phoneticPr fontId="3"/>
  </si>
  <si>
    <t>女</t>
    <rPh sb="0" eb="1">
      <t>オンナ</t>
    </rPh>
    <phoneticPr fontId="3"/>
  </si>
  <si>
    <t>平成</t>
    <rPh sb="0" eb="2">
      <t>ヘイセイ</t>
    </rPh>
    <phoneticPr fontId="3"/>
  </si>
  <si>
    <t>年</t>
    <rPh sb="0" eb="1">
      <t>ネン</t>
    </rPh>
    <phoneticPr fontId="3"/>
  </si>
  <si>
    <t>月末</t>
    <rPh sb="0" eb="2">
      <t>ガツマツ</t>
    </rPh>
    <phoneticPr fontId="3"/>
  </si>
  <si>
    <t>世帯数</t>
    <rPh sb="0" eb="3">
      <t>セタイスウ</t>
    </rPh>
    <phoneticPr fontId="3"/>
  </si>
  <si>
    <t>合計</t>
    <rPh sb="0" eb="2">
      <t>ゴウケイ</t>
    </rPh>
    <phoneticPr fontId="3"/>
  </si>
  <si>
    <t>外国人住民世帯数・人員数</t>
    <rPh sb="0" eb="2">
      <t>ガイコク</t>
    </rPh>
    <rPh sb="2" eb="3">
      <t>ジン</t>
    </rPh>
    <rPh sb="3" eb="5">
      <t>ジュウミン</t>
    </rPh>
    <rPh sb="5" eb="8">
      <t>セタイスウ</t>
    </rPh>
    <rPh sb="9" eb="11">
      <t>ジンイン</t>
    </rPh>
    <rPh sb="11" eb="12">
      <t>スウ</t>
    </rPh>
    <phoneticPr fontId="3"/>
  </si>
  <si>
    <t>※住民基本台帳法の改正に伴い、外国人登録制度が廃止されたため、平成24年７月末からの数値となっています。</t>
    <rPh sb="15" eb="17">
      <t>ガイコク</t>
    </rPh>
    <rPh sb="17" eb="18">
      <t>ジン</t>
    </rPh>
    <rPh sb="18" eb="20">
      <t>トウロク</t>
    </rPh>
    <rPh sb="20" eb="22">
      <t>セイド</t>
    </rPh>
    <rPh sb="23" eb="25">
      <t>ハイシ</t>
    </rPh>
    <rPh sb="31" eb="33">
      <t>ヘイセイ</t>
    </rPh>
    <rPh sb="35" eb="36">
      <t>ネン</t>
    </rPh>
    <rPh sb="42" eb="44">
      <t>スウチ</t>
    </rPh>
    <phoneticPr fontId="3"/>
  </si>
  <si>
    <t>令和</t>
    <rPh sb="0" eb="2">
      <t>レイワ</t>
    </rPh>
    <phoneticPr fontId="3"/>
  </si>
  <si>
    <t>元</t>
    <rPh sb="0" eb="1">
      <t>ガン</t>
    </rPh>
    <phoneticPr fontId="3"/>
  </si>
  <si>
    <t>令和</t>
    <rPh sb="0" eb="2">
      <t>レイワ</t>
    </rPh>
    <phoneticPr fontId="3"/>
  </si>
  <si>
    <t>年</t>
    <rPh sb="0" eb="1">
      <t>ネン</t>
    </rPh>
    <phoneticPr fontId="3"/>
  </si>
  <si>
    <t>月末</t>
    <rPh sb="0" eb="2">
      <t>ゲツマツ</t>
    </rPh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2">
    <numFmt numFmtId="176" formatCode="0_);[Red]\(0\)"/>
    <numFmt numFmtId="177" formatCode="#,##0_ ;[Red]\-#,##0\ "/>
  </numFmts>
  <fonts count="6" x14ac:knownFonts="1">
    <font>
      <sz val="11"/>
      <name val="ＭＳ 明朝"/>
      <family val="1"/>
      <charset val="128"/>
    </font>
    <font>
      <sz val="11"/>
      <name val="ＭＳ 明朝"/>
      <family val="1"/>
      <charset val="128"/>
    </font>
    <font>
      <sz val="12"/>
      <name val="ＭＳ 明朝"/>
      <family val="1"/>
      <charset val="128"/>
    </font>
    <font>
      <sz val="6"/>
      <name val="ＭＳ 明朝"/>
      <family val="1"/>
      <charset val="128"/>
    </font>
    <font>
      <sz val="20"/>
      <name val="ＭＳ 明朝"/>
      <family val="1"/>
      <charset val="128"/>
    </font>
    <font>
      <sz val="9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9">
    <border>
      <left/>
      <right/>
      <top/>
      <bottom/>
      <diagonal/>
    </border>
    <border>
      <left style="thin">
        <color indexed="64"/>
      </left>
      <right/>
      <top style="hair">
        <color indexed="64"/>
      </top>
      <bottom style="thin">
        <color indexed="64"/>
      </bottom>
      <diagonal/>
    </border>
    <border>
      <left/>
      <right/>
      <top style="hair">
        <color indexed="64"/>
      </top>
      <bottom style="thin">
        <color indexed="64"/>
      </bottom>
      <diagonal/>
    </border>
    <border>
      <left/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2">
    <xf numFmtId="0" fontId="0" fillId="0" borderId="0"/>
    <xf numFmtId="38" fontId="1" fillId="0" borderId="0" applyFont="0" applyFill="0" applyBorder="0" applyAlignment="0" applyProtection="0"/>
  </cellStyleXfs>
  <cellXfs count="102">
    <xf numFmtId="0" fontId="0" fillId="0" borderId="0" xfId="0"/>
    <xf numFmtId="176" fontId="0" fillId="0" borderId="0" xfId="0" applyNumberFormat="1"/>
    <xf numFmtId="176" fontId="0" fillId="0" borderId="0" xfId="0" applyNumberFormat="1" applyAlignment="1"/>
    <xf numFmtId="0" fontId="0" fillId="0" borderId="0" xfId="0" applyBorder="1"/>
    <xf numFmtId="176" fontId="2" fillId="0" borderId="1" xfId="0" applyNumberFormat="1" applyFont="1" applyBorder="1" applyAlignment="1">
      <alignment vertical="center"/>
    </xf>
    <xf numFmtId="176" fontId="2" fillId="0" borderId="2" xfId="0" applyNumberFormat="1" applyFont="1" applyBorder="1" applyAlignment="1">
      <alignment vertical="center"/>
    </xf>
    <xf numFmtId="176" fontId="2" fillId="0" borderId="3" xfId="0" applyNumberFormat="1" applyFont="1" applyBorder="1" applyAlignment="1">
      <alignment vertical="center"/>
    </xf>
    <xf numFmtId="177" fontId="2" fillId="0" borderId="4" xfId="1" applyNumberFormat="1" applyFont="1" applyBorder="1" applyAlignment="1">
      <alignment horizontal="right" vertical="center"/>
    </xf>
    <xf numFmtId="177" fontId="2" fillId="0" borderId="4" xfId="1" applyNumberFormat="1" applyFont="1" applyBorder="1" applyAlignment="1">
      <alignment vertical="center"/>
    </xf>
    <xf numFmtId="176" fontId="2" fillId="0" borderId="2" xfId="0" applyNumberFormat="1" applyFont="1" applyBorder="1" applyAlignment="1">
      <alignment horizontal="right" vertical="center"/>
    </xf>
    <xf numFmtId="176" fontId="5" fillId="0" borderId="0" xfId="0" applyNumberFormat="1" applyFont="1"/>
    <xf numFmtId="176" fontId="2" fillId="0" borderId="6" xfId="0" applyNumberFormat="1" applyFont="1" applyBorder="1" applyAlignment="1">
      <alignment vertical="center"/>
    </xf>
    <xf numFmtId="176" fontId="2" fillId="0" borderId="7" xfId="0" applyNumberFormat="1" applyFont="1" applyBorder="1" applyAlignment="1">
      <alignment vertical="center"/>
    </xf>
    <xf numFmtId="176" fontId="2" fillId="0" borderId="7" xfId="0" applyNumberFormat="1" applyFont="1" applyBorder="1" applyAlignment="1">
      <alignment horizontal="right" vertical="center"/>
    </xf>
    <xf numFmtId="176" fontId="2" fillId="0" borderId="8" xfId="0" applyNumberFormat="1" applyFont="1" applyBorder="1" applyAlignment="1">
      <alignment vertical="center"/>
    </xf>
    <xf numFmtId="177" fontId="2" fillId="0" borderId="5" xfId="1" applyNumberFormat="1" applyFont="1" applyBorder="1" applyAlignment="1">
      <alignment horizontal="right" vertical="center"/>
    </xf>
    <xf numFmtId="177" fontId="2" fillId="0" borderId="5" xfId="1" applyNumberFormat="1" applyFont="1" applyBorder="1" applyAlignment="1">
      <alignment vertical="center"/>
    </xf>
    <xf numFmtId="0" fontId="2" fillId="0" borderId="5" xfId="0" applyFont="1" applyBorder="1" applyAlignment="1">
      <alignment horizontal="center" vertical="center"/>
    </xf>
    <xf numFmtId="3" fontId="0" fillId="0" borderId="0" xfId="0" applyNumberFormat="1"/>
    <xf numFmtId="177" fontId="2" fillId="0" borderId="0" xfId="1" applyNumberFormat="1" applyFont="1" applyFill="1" applyBorder="1" applyAlignment="1">
      <alignment horizontal="right" vertical="center"/>
    </xf>
    <xf numFmtId="176" fontId="2" fillId="0" borderId="6" xfId="0" applyNumberFormat="1" applyFont="1" applyBorder="1" applyAlignment="1">
      <alignment horizontal="center" vertical="center"/>
    </xf>
    <xf numFmtId="176" fontId="2" fillId="0" borderId="7" xfId="0" applyNumberFormat="1" applyFont="1" applyBorder="1" applyAlignment="1">
      <alignment horizontal="center" vertical="center"/>
    </xf>
    <xf numFmtId="176" fontId="2" fillId="0" borderId="8" xfId="0" applyNumberFormat="1" applyFont="1" applyBorder="1" applyAlignment="1">
      <alignment horizontal="center" vertical="center"/>
    </xf>
    <xf numFmtId="176" fontId="2" fillId="0" borderId="6" xfId="0" applyNumberFormat="1" applyFont="1" applyBorder="1" applyAlignment="1">
      <alignment horizontal="center" vertical="center"/>
    </xf>
    <xf numFmtId="176" fontId="2" fillId="0" borderId="7" xfId="0" applyNumberFormat="1" applyFont="1" applyBorder="1" applyAlignment="1">
      <alignment horizontal="center" vertical="center"/>
    </xf>
    <xf numFmtId="176" fontId="2" fillId="0" borderId="8" xfId="0" applyNumberFormat="1" applyFont="1" applyBorder="1" applyAlignment="1">
      <alignment horizontal="center" vertical="center"/>
    </xf>
    <xf numFmtId="176" fontId="2" fillId="0" borderId="6" xfId="0" applyNumberFormat="1" applyFont="1" applyBorder="1" applyAlignment="1">
      <alignment horizontal="center" vertical="center"/>
    </xf>
    <xf numFmtId="176" fontId="2" fillId="0" borderId="7" xfId="0" applyNumberFormat="1" applyFont="1" applyBorder="1" applyAlignment="1">
      <alignment horizontal="center" vertical="center"/>
    </xf>
    <xf numFmtId="176" fontId="2" fillId="0" borderId="8" xfId="0" applyNumberFormat="1" applyFont="1" applyBorder="1" applyAlignment="1">
      <alignment horizontal="center" vertical="center"/>
    </xf>
    <xf numFmtId="176" fontId="2" fillId="0" borderId="6" xfId="0" applyNumberFormat="1" applyFont="1" applyBorder="1" applyAlignment="1">
      <alignment horizontal="center" vertical="center"/>
    </xf>
    <xf numFmtId="176" fontId="2" fillId="0" borderId="7" xfId="0" applyNumberFormat="1" applyFont="1" applyBorder="1" applyAlignment="1">
      <alignment horizontal="center" vertical="center"/>
    </xf>
    <xf numFmtId="176" fontId="2" fillId="0" borderId="8" xfId="0" applyNumberFormat="1" applyFont="1" applyBorder="1" applyAlignment="1">
      <alignment horizontal="center" vertical="center"/>
    </xf>
    <xf numFmtId="176" fontId="2" fillId="0" borderId="6" xfId="0" applyNumberFormat="1" applyFont="1" applyBorder="1" applyAlignment="1">
      <alignment horizontal="center" vertical="center"/>
    </xf>
    <xf numFmtId="176" fontId="2" fillId="0" borderId="7" xfId="0" applyNumberFormat="1" applyFont="1" applyBorder="1" applyAlignment="1">
      <alignment horizontal="center" vertical="center"/>
    </xf>
    <xf numFmtId="176" fontId="2" fillId="0" borderId="8" xfId="0" applyNumberFormat="1" applyFont="1" applyBorder="1" applyAlignment="1">
      <alignment horizontal="center" vertical="center"/>
    </xf>
    <xf numFmtId="176" fontId="2" fillId="0" borderId="6" xfId="0" applyNumberFormat="1" applyFont="1" applyBorder="1" applyAlignment="1">
      <alignment horizontal="center" vertical="center"/>
    </xf>
    <xf numFmtId="176" fontId="2" fillId="0" borderId="7" xfId="0" applyNumberFormat="1" applyFont="1" applyBorder="1" applyAlignment="1">
      <alignment horizontal="center" vertical="center"/>
    </xf>
    <xf numFmtId="176" fontId="2" fillId="0" borderId="8" xfId="0" applyNumberFormat="1" applyFont="1" applyBorder="1" applyAlignment="1">
      <alignment horizontal="center" vertical="center"/>
    </xf>
    <xf numFmtId="176" fontId="2" fillId="0" borderId="6" xfId="0" applyNumberFormat="1" applyFont="1" applyBorder="1" applyAlignment="1">
      <alignment horizontal="center" vertical="center"/>
    </xf>
    <xf numFmtId="176" fontId="2" fillId="0" borderId="7" xfId="0" applyNumberFormat="1" applyFont="1" applyBorder="1" applyAlignment="1">
      <alignment horizontal="center" vertical="center"/>
    </xf>
    <xf numFmtId="176" fontId="2" fillId="0" borderId="8" xfId="0" applyNumberFormat="1" applyFont="1" applyBorder="1" applyAlignment="1">
      <alignment horizontal="center" vertical="center"/>
    </xf>
    <xf numFmtId="176" fontId="2" fillId="0" borderId="6" xfId="0" applyNumberFormat="1" applyFont="1" applyBorder="1" applyAlignment="1">
      <alignment horizontal="center" vertical="center"/>
    </xf>
    <xf numFmtId="176" fontId="2" fillId="0" borderId="7" xfId="0" applyNumberFormat="1" applyFont="1" applyBorder="1" applyAlignment="1">
      <alignment horizontal="center" vertical="center"/>
    </xf>
    <xf numFmtId="176" fontId="2" fillId="0" borderId="8" xfId="0" applyNumberFormat="1" applyFont="1" applyBorder="1" applyAlignment="1">
      <alignment horizontal="center" vertical="center"/>
    </xf>
    <xf numFmtId="176" fontId="2" fillId="0" borderId="6" xfId="0" applyNumberFormat="1" applyFont="1" applyBorder="1" applyAlignment="1">
      <alignment horizontal="center" vertical="center"/>
    </xf>
    <xf numFmtId="176" fontId="2" fillId="0" borderId="7" xfId="0" applyNumberFormat="1" applyFont="1" applyBorder="1" applyAlignment="1">
      <alignment horizontal="center" vertical="center"/>
    </xf>
    <xf numFmtId="176" fontId="2" fillId="0" borderId="8" xfId="0" applyNumberFormat="1" applyFont="1" applyBorder="1" applyAlignment="1">
      <alignment horizontal="center" vertical="center"/>
    </xf>
    <xf numFmtId="176" fontId="2" fillId="0" borderId="6" xfId="0" applyNumberFormat="1" applyFont="1" applyBorder="1" applyAlignment="1">
      <alignment horizontal="center" vertical="center"/>
    </xf>
    <xf numFmtId="176" fontId="2" fillId="0" borderId="7" xfId="0" applyNumberFormat="1" applyFont="1" applyBorder="1" applyAlignment="1">
      <alignment horizontal="center" vertical="center"/>
    </xf>
    <xf numFmtId="176" fontId="2" fillId="0" borderId="8" xfId="0" applyNumberFormat="1" applyFont="1" applyBorder="1" applyAlignment="1">
      <alignment horizontal="center" vertical="center"/>
    </xf>
    <xf numFmtId="176" fontId="2" fillId="0" borderId="6" xfId="0" applyNumberFormat="1" applyFont="1" applyBorder="1" applyAlignment="1">
      <alignment horizontal="center" vertical="center"/>
    </xf>
    <xf numFmtId="176" fontId="2" fillId="0" borderId="7" xfId="0" applyNumberFormat="1" applyFont="1" applyBorder="1" applyAlignment="1">
      <alignment horizontal="center" vertical="center"/>
    </xf>
    <xf numFmtId="176" fontId="2" fillId="0" borderId="8" xfId="0" applyNumberFormat="1" applyFont="1" applyBorder="1" applyAlignment="1">
      <alignment horizontal="center" vertical="center"/>
    </xf>
    <xf numFmtId="176" fontId="2" fillId="0" borderId="6" xfId="0" applyNumberFormat="1" applyFont="1" applyBorder="1" applyAlignment="1">
      <alignment horizontal="center" vertical="center"/>
    </xf>
    <xf numFmtId="176" fontId="2" fillId="0" borderId="7" xfId="0" applyNumberFormat="1" applyFont="1" applyBorder="1" applyAlignment="1">
      <alignment horizontal="center" vertical="center"/>
    </xf>
    <xf numFmtId="176" fontId="2" fillId="0" borderId="8" xfId="0" applyNumberFormat="1" applyFont="1" applyBorder="1" applyAlignment="1">
      <alignment horizontal="center" vertical="center"/>
    </xf>
    <xf numFmtId="176" fontId="2" fillId="0" borderId="6" xfId="0" applyNumberFormat="1" applyFont="1" applyBorder="1" applyAlignment="1">
      <alignment horizontal="center" vertical="center"/>
    </xf>
    <xf numFmtId="176" fontId="2" fillId="0" borderId="7" xfId="0" applyNumberFormat="1" applyFont="1" applyBorder="1" applyAlignment="1">
      <alignment horizontal="center" vertical="center"/>
    </xf>
    <xf numFmtId="176" fontId="2" fillId="0" borderId="8" xfId="0" applyNumberFormat="1" applyFont="1" applyBorder="1" applyAlignment="1">
      <alignment horizontal="center" vertical="center"/>
    </xf>
    <xf numFmtId="176" fontId="2" fillId="0" borderId="6" xfId="0" applyNumberFormat="1" applyFont="1" applyBorder="1" applyAlignment="1">
      <alignment horizontal="center" vertical="center"/>
    </xf>
    <xf numFmtId="176" fontId="2" fillId="0" borderId="7" xfId="0" applyNumberFormat="1" applyFont="1" applyBorder="1" applyAlignment="1">
      <alignment horizontal="center" vertical="center"/>
    </xf>
    <xf numFmtId="176" fontId="2" fillId="0" borderId="8" xfId="0" applyNumberFormat="1" applyFont="1" applyBorder="1" applyAlignment="1">
      <alignment horizontal="center" vertical="center"/>
    </xf>
    <xf numFmtId="176" fontId="2" fillId="0" borderId="6" xfId="0" applyNumberFormat="1" applyFont="1" applyBorder="1" applyAlignment="1">
      <alignment horizontal="center" vertical="center"/>
    </xf>
    <xf numFmtId="176" fontId="2" fillId="0" borderId="7" xfId="0" applyNumberFormat="1" applyFont="1" applyBorder="1" applyAlignment="1">
      <alignment horizontal="center" vertical="center"/>
    </xf>
    <xf numFmtId="176" fontId="2" fillId="0" borderId="8" xfId="0" applyNumberFormat="1" applyFont="1" applyBorder="1" applyAlignment="1">
      <alignment horizontal="center" vertical="center"/>
    </xf>
    <xf numFmtId="176" fontId="2" fillId="0" borderId="6" xfId="0" applyNumberFormat="1" applyFont="1" applyBorder="1" applyAlignment="1">
      <alignment horizontal="center" vertical="center"/>
    </xf>
    <xf numFmtId="176" fontId="2" fillId="0" borderId="7" xfId="0" applyNumberFormat="1" applyFont="1" applyBorder="1" applyAlignment="1">
      <alignment horizontal="center" vertical="center"/>
    </xf>
    <xf numFmtId="176" fontId="2" fillId="0" borderId="8" xfId="0" applyNumberFormat="1" applyFont="1" applyBorder="1" applyAlignment="1">
      <alignment horizontal="center" vertical="center"/>
    </xf>
    <xf numFmtId="176" fontId="2" fillId="0" borderId="6" xfId="0" applyNumberFormat="1" applyFont="1" applyBorder="1" applyAlignment="1">
      <alignment horizontal="center" vertical="center"/>
    </xf>
    <xf numFmtId="176" fontId="2" fillId="0" borderId="7" xfId="0" applyNumberFormat="1" applyFont="1" applyBorder="1" applyAlignment="1">
      <alignment horizontal="center" vertical="center"/>
    </xf>
    <xf numFmtId="176" fontId="2" fillId="0" borderId="8" xfId="0" applyNumberFormat="1" applyFont="1" applyBorder="1" applyAlignment="1">
      <alignment horizontal="center" vertical="center"/>
    </xf>
    <xf numFmtId="176" fontId="2" fillId="0" borderId="6" xfId="0" applyNumberFormat="1" applyFont="1" applyBorder="1" applyAlignment="1">
      <alignment horizontal="center" vertical="center"/>
    </xf>
    <xf numFmtId="176" fontId="2" fillId="0" borderId="7" xfId="0" applyNumberFormat="1" applyFont="1" applyBorder="1" applyAlignment="1">
      <alignment horizontal="center" vertical="center"/>
    </xf>
    <xf numFmtId="176" fontId="2" fillId="0" borderId="8" xfId="0" applyNumberFormat="1" applyFont="1" applyBorder="1" applyAlignment="1">
      <alignment horizontal="center" vertical="center"/>
    </xf>
    <xf numFmtId="176" fontId="2" fillId="0" borderId="6" xfId="0" applyNumberFormat="1" applyFont="1" applyBorder="1" applyAlignment="1">
      <alignment horizontal="center" vertical="center"/>
    </xf>
    <xf numFmtId="176" fontId="2" fillId="0" borderId="7" xfId="0" applyNumberFormat="1" applyFont="1" applyBorder="1" applyAlignment="1">
      <alignment horizontal="center" vertical="center"/>
    </xf>
    <xf numFmtId="176" fontId="2" fillId="0" borderId="8" xfId="0" applyNumberFormat="1" applyFont="1" applyBorder="1" applyAlignment="1">
      <alignment horizontal="center" vertical="center"/>
    </xf>
    <xf numFmtId="176" fontId="2" fillId="0" borderId="6" xfId="0" applyNumberFormat="1" applyFont="1" applyBorder="1" applyAlignment="1">
      <alignment horizontal="center" vertical="center"/>
    </xf>
    <xf numFmtId="176" fontId="2" fillId="0" borderId="7" xfId="0" applyNumberFormat="1" applyFont="1" applyBorder="1" applyAlignment="1">
      <alignment horizontal="center" vertical="center"/>
    </xf>
    <xf numFmtId="176" fontId="2" fillId="0" borderId="8" xfId="0" applyNumberFormat="1" applyFont="1" applyBorder="1" applyAlignment="1">
      <alignment horizontal="center" vertical="center"/>
    </xf>
    <xf numFmtId="176" fontId="2" fillId="0" borderId="6" xfId="0" applyNumberFormat="1" applyFont="1" applyBorder="1" applyAlignment="1">
      <alignment horizontal="center" vertical="center"/>
    </xf>
    <xf numFmtId="176" fontId="2" fillId="0" borderId="7" xfId="0" applyNumberFormat="1" applyFont="1" applyBorder="1" applyAlignment="1">
      <alignment horizontal="center" vertical="center"/>
    </xf>
    <xf numFmtId="176" fontId="2" fillId="0" borderId="8" xfId="0" applyNumberFormat="1" applyFont="1" applyBorder="1" applyAlignment="1">
      <alignment horizontal="center" vertical="center"/>
    </xf>
    <xf numFmtId="176" fontId="2" fillId="0" borderId="6" xfId="0" applyNumberFormat="1" applyFont="1" applyBorder="1" applyAlignment="1">
      <alignment horizontal="center" vertical="center"/>
    </xf>
    <xf numFmtId="176" fontId="2" fillId="0" borderId="7" xfId="0" applyNumberFormat="1" applyFont="1" applyBorder="1" applyAlignment="1">
      <alignment horizontal="center" vertical="center"/>
    </xf>
    <xf numFmtId="176" fontId="2" fillId="0" borderId="8" xfId="0" applyNumberFormat="1" applyFont="1" applyBorder="1" applyAlignment="1">
      <alignment horizontal="center" vertical="center"/>
    </xf>
    <xf numFmtId="176" fontId="2" fillId="0" borderId="6" xfId="0" applyNumberFormat="1" applyFont="1" applyBorder="1" applyAlignment="1">
      <alignment horizontal="center" vertical="center"/>
    </xf>
    <xf numFmtId="176" fontId="2" fillId="0" borderId="7" xfId="0" applyNumberFormat="1" applyFont="1" applyBorder="1" applyAlignment="1">
      <alignment horizontal="center" vertical="center"/>
    </xf>
    <xf numFmtId="176" fontId="2" fillId="0" borderId="8" xfId="0" applyNumberFormat="1" applyFont="1" applyBorder="1" applyAlignment="1">
      <alignment horizontal="center" vertical="center"/>
    </xf>
    <xf numFmtId="176" fontId="2" fillId="0" borderId="6" xfId="0" applyNumberFormat="1" applyFont="1" applyBorder="1" applyAlignment="1">
      <alignment horizontal="center" vertical="center"/>
    </xf>
    <xf numFmtId="176" fontId="2" fillId="0" borderId="7" xfId="0" applyNumberFormat="1" applyFont="1" applyBorder="1" applyAlignment="1">
      <alignment horizontal="center" vertical="center"/>
    </xf>
    <xf numFmtId="176" fontId="2" fillId="0" borderId="8" xfId="0" applyNumberFormat="1" applyFont="1" applyBorder="1" applyAlignment="1">
      <alignment horizontal="center" vertical="center"/>
    </xf>
    <xf numFmtId="176" fontId="2" fillId="0" borderId="6" xfId="0" applyNumberFormat="1" applyFont="1" applyBorder="1" applyAlignment="1">
      <alignment horizontal="center" vertical="center"/>
    </xf>
    <xf numFmtId="176" fontId="2" fillId="0" borderId="7" xfId="0" applyNumberFormat="1" applyFont="1" applyBorder="1" applyAlignment="1">
      <alignment horizontal="center" vertical="center"/>
    </xf>
    <xf numFmtId="176" fontId="2" fillId="0" borderId="8" xfId="0" applyNumberFormat="1" applyFont="1" applyBorder="1" applyAlignment="1">
      <alignment horizontal="center" vertical="center"/>
    </xf>
    <xf numFmtId="176" fontId="2" fillId="0" borderId="6" xfId="0" applyNumberFormat="1" applyFont="1" applyBorder="1" applyAlignment="1">
      <alignment horizontal="center" vertical="center"/>
    </xf>
    <xf numFmtId="176" fontId="2" fillId="0" borderId="7" xfId="0" applyNumberFormat="1" applyFont="1" applyBorder="1" applyAlignment="1">
      <alignment horizontal="center" vertical="center"/>
    </xf>
    <xf numFmtId="176" fontId="2" fillId="0" borderId="8" xfId="0" applyNumberFormat="1" applyFont="1" applyBorder="1" applyAlignment="1">
      <alignment horizontal="center" vertical="center"/>
    </xf>
    <xf numFmtId="0" fontId="4" fillId="0" borderId="0" xfId="0" applyFont="1" applyAlignment="1">
      <alignment horizontal="center" vertical="center"/>
    </xf>
    <xf numFmtId="176" fontId="2" fillId="0" borderId="6" xfId="0" applyNumberFormat="1" applyFont="1" applyBorder="1" applyAlignment="1">
      <alignment horizontal="center" vertical="center"/>
    </xf>
    <xf numFmtId="176" fontId="2" fillId="0" borderId="7" xfId="0" applyNumberFormat="1" applyFont="1" applyBorder="1" applyAlignment="1">
      <alignment horizontal="center" vertical="center"/>
    </xf>
    <xf numFmtId="176" fontId="2" fillId="0" borderId="8" xfId="0" applyNumberFormat="1" applyFont="1" applyBorder="1" applyAlignment="1">
      <alignment horizontal="center" vertical="center"/>
    </xf>
  </cellXfs>
  <cellStyles count="2">
    <cellStyle name="桁区切り" xfId="1" builtinId="6"/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dimension ref="A1:N143"/>
  <sheetViews>
    <sheetView tabSelected="1" workbookViewId="0">
      <pane ySplit="2" topLeftCell="A3" activePane="bottomLeft" state="frozen"/>
      <selection pane="bottomLeft" sqref="A1:I1"/>
    </sheetView>
  </sheetViews>
  <sheetFormatPr defaultRowHeight="13.2" x14ac:dyDescent="0.2"/>
  <cols>
    <col min="1" max="1" width="5.44140625" style="1" bestFit="1" customWidth="1"/>
    <col min="2" max="2" width="4.88671875" style="1" bestFit="1" customWidth="1"/>
    <col min="3" max="3" width="3.44140625" style="1" bestFit="1" customWidth="1"/>
    <col min="4" max="4" width="4.88671875" style="1" bestFit="1" customWidth="1"/>
    <col min="5" max="5" width="5.44140625" style="2" bestFit="1" customWidth="1"/>
    <col min="6" max="9" width="12.77734375" customWidth="1"/>
  </cols>
  <sheetData>
    <row r="1" spans="1:9" ht="27" customHeight="1" x14ac:dyDescent="0.2">
      <c r="A1" s="98" t="s">
        <v>7</v>
      </c>
      <c r="B1" s="98"/>
      <c r="C1" s="98"/>
      <c r="D1" s="98"/>
      <c r="E1" s="98"/>
      <c r="F1" s="98"/>
      <c r="G1" s="98"/>
      <c r="H1" s="98"/>
      <c r="I1" s="98"/>
    </row>
    <row r="2" spans="1:9" ht="23.1" customHeight="1" x14ac:dyDescent="0.2">
      <c r="A2" s="99"/>
      <c r="B2" s="100"/>
      <c r="C2" s="100"/>
      <c r="D2" s="100"/>
      <c r="E2" s="101"/>
      <c r="F2" s="17" t="s">
        <v>5</v>
      </c>
      <c r="G2" s="17" t="s">
        <v>6</v>
      </c>
      <c r="H2" s="17" t="s">
        <v>0</v>
      </c>
      <c r="I2" s="17" t="s">
        <v>1</v>
      </c>
    </row>
    <row r="3" spans="1:9" ht="23.1" customHeight="1" x14ac:dyDescent="0.2">
      <c r="A3" s="95" t="s">
        <v>9</v>
      </c>
      <c r="B3" s="12">
        <v>6</v>
      </c>
      <c r="C3" s="96" t="s">
        <v>3</v>
      </c>
      <c r="D3" s="13">
        <v>1</v>
      </c>
      <c r="E3" s="97" t="s">
        <v>13</v>
      </c>
      <c r="F3" s="15">
        <v>5401</v>
      </c>
      <c r="G3" s="15">
        <v>8483</v>
      </c>
      <c r="H3" s="15">
        <v>4217</v>
      </c>
      <c r="I3" s="15">
        <v>4266</v>
      </c>
    </row>
    <row r="4" spans="1:9" ht="23.1" customHeight="1" x14ac:dyDescent="0.2">
      <c r="A4" s="92" t="s">
        <v>9</v>
      </c>
      <c r="B4" s="12">
        <v>5</v>
      </c>
      <c r="C4" s="93" t="s">
        <v>3</v>
      </c>
      <c r="D4" s="13">
        <v>12</v>
      </c>
      <c r="E4" s="94" t="s">
        <v>13</v>
      </c>
      <c r="F4" s="15">
        <v>5375</v>
      </c>
      <c r="G4" s="15">
        <v>8444</v>
      </c>
      <c r="H4" s="15">
        <v>4185</v>
      </c>
      <c r="I4" s="15">
        <v>4259</v>
      </c>
    </row>
    <row r="5" spans="1:9" ht="23.1" customHeight="1" x14ac:dyDescent="0.2">
      <c r="A5" s="89" t="s">
        <v>9</v>
      </c>
      <c r="B5" s="12">
        <v>5</v>
      </c>
      <c r="C5" s="90" t="s">
        <v>3</v>
      </c>
      <c r="D5" s="13">
        <v>11</v>
      </c>
      <c r="E5" s="91" t="s">
        <v>13</v>
      </c>
      <c r="F5" s="15">
        <v>5431</v>
      </c>
      <c r="G5" s="15">
        <v>8491</v>
      </c>
      <c r="H5" s="15">
        <v>4199</v>
      </c>
      <c r="I5" s="15">
        <v>4292</v>
      </c>
    </row>
    <row r="6" spans="1:9" ht="23.1" customHeight="1" x14ac:dyDescent="0.2">
      <c r="A6" s="86" t="s">
        <v>9</v>
      </c>
      <c r="B6" s="12">
        <v>5</v>
      </c>
      <c r="C6" s="87" t="s">
        <v>3</v>
      </c>
      <c r="D6" s="13">
        <v>10</v>
      </c>
      <c r="E6" s="88" t="s">
        <v>13</v>
      </c>
      <c r="F6" s="15">
        <v>5221</v>
      </c>
      <c r="G6" s="15">
        <v>8259</v>
      </c>
      <c r="H6" s="15">
        <v>4089</v>
      </c>
      <c r="I6" s="15">
        <v>4170</v>
      </c>
    </row>
    <row r="7" spans="1:9" ht="23.1" customHeight="1" x14ac:dyDescent="0.2">
      <c r="A7" s="83" t="s">
        <v>9</v>
      </c>
      <c r="B7" s="12">
        <v>5</v>
      </c>
      <c r="C7" s="84" t="s">
        <v>3</v>
      </c>
      <c r="D7" s="13">
        <v>9</v>
      </c>
      <c r="E7" s="85" t="s">
        <v>13</v>
      </c>
      <c r="F7" s="15">
        <v>5147</v>
      </c>
      <c r="G7" s="15">
        <v>8180</v>
      </c>
      <c r="H7" s="15">
        <v>4059</v>
      </c>
      <c r="I7" s="15">
        <v>4121</v>
      </c>
    </row>
    <row r="8" spans="1:9" ht="23.1" customHeight="1" x14ac:dyDescent="0.2">
      <c r="A8" s="80" t="s">
        <v>9</v>
      </c>
      <c r="B8" s="12">
        <v>5</v>
      </c>
      <c r="C8" s="81" t="s">
        <v>3</v>
      </c>
      <c r="D8" s="13">
        <v>8</v>
      </c>
      <c r="E8" s="82" t="s">
        <v>13</v>
      </c>
      <c r="F8" s="15">
        <v>5045</v>
      </c>
      <c r="G8" s="15">
        <v>8067</v>
      </c>
      <c r="H8" s="15">
        <v>3982</v>
      </c>
      <c r="I8" s="15">
        <v>4085</v>
      </c>
    </row>
    <row r="9" spans="1:9" ht="23.1" customHeight="1" x14ac:dyDescent="0.2">
      <c r="A9" s="77" t="s">
        <v>9</v>
      </c>
      <c r="B9" s="12">
        <v>5</v>
      </c>
      <c r="C9" s="78" t="s">
        <v>3</v>
      </c>
      <c r="D9" s="13">
        <v>7</v>
      </c>
      <c r="E9" s="79" t="s">
        <v>13</v>
      </c>
      <c r="F9" s="15">
        <v>4998</v>
      </c>
      <c r="G9" s="15">
        <v>7990</v>
      </c>
      <c r="H9" s="15">
        <v>3956</v>
      </c>
      <c r="I9" s="15">
        <v>4034</v>
      </c>
    </row>
    <row r="10" spans="1:9" ht="23.1" customHeight="1" x14ac:dyDescent="0.2">
      <c r="A10" s="74" t="s">
        <v>9</v>
      </c>
      <c r="B10" s="12">
        <v>5</v>
      </c>
      <c r="C10" s="75" t="s">
        <v>3</v>
      </c>
      <c r="D10" s="13">
        <v>6</v>
      </c>
      <c r="E10" s="76" t="s">
        <v>13</v>
      </c>
      <c r="F10" s="15">
        <v>4902</v>
      </c>
      <c r="G10" s="15">
        <v>7874</v>
      </c>
      <c r="H10" s="15">
        <v>3876</v>
      </c>
      <c r="I10" s="15">
        <v>3998</v>
      </c>
    </row>
    <row r="11" spans="1:9" ht="23.1" customHeight="1" x14ac:dyDescent="0.2">
      <c r="A11" s="71" t="s">
        <v>9</v>
      </c>
      <c r="B11" s="12">
        <v>5</v>
      </c>
      <c r="C11" s="72" t="s">
        <v>3</v>
      </c>
      <c r="D11" s="13">
        <v>5</v>
      </c>
      <c r="E11" s="73" t="s">
        <v>13</v>
      </c>
      <c r="F11" s="15">
        <v>4882</v>
      </c>
      <c r="G11" s="15">
        <v>7845</v>
      </c>
      <c r="H11" s="15">
        <v>3858</v>
      </c>
      <c r="I11" s="15">
        <v>3987</v>
      </c>
    </row>
    <row r="12" spans="1:9" ht="23.1" customHeight="1" x14ac:dyDescent="0.2">
      <c r="A12" s="68" t="s">
        <v>9</v>
      </c>
      <c r="B12" s="12">
        <v>5</v>
      </c>
      <c r="C12" s="69" t="s">
        <v>3</v>
      </c>
      <c r="D12" s="13">
        <v>4</v>
      </c>
      <c r="E12" s="70" t="s">
        <v>13</v>
      </c>
      <c r="F12" s="15">
        <v>4832</v>
      </c>
      <c r="G12" s="15">
        <v>7781</v>
      </c>
      <c r="H12" s="15">
        <v>3821</v>
      </c>
      <c r="I12" s="15">
        <v>3960</v>
      </c>
    </row>
    <row r="13" spans="1:9" ht="23.1" customHeight="1" x14ac:dyDescent="0.2">
      <c r="A13" s="65" t="s">
        <v>9</v>
      </c>
      <c r="B13" s="12">
        <v>5</v>
      </c>
      <c r="C13" s="66" t="s">
        <v>3</v>
      </c>
      <c r="D13" s="13">
        <v>3</v>
      </c>
      <c r="E13" s="67" t="s">
        <v>13</v>
      </c>
      <c r="F13" s="15">
        <v>4713</v>
      </c>
      <c r="G13" s="15">
        <v>7647</v>
      </c>
      <c r="H13" s="15">
        <v>3761</v>
      </c>
      <c r="I13" s="15">
        <v>3886</v>
      </c>
    </row>
    <row r="14" spans="1:9" ht="23.1" customHeight="1" x14ac:dyDescent="0.2">
      <c r="A14" s="62" t="s">
        <v>9</v>
      </c>
      <c r="B14" s="12">
        <v>5</v>
      </c>
      <c r="C14" s="63" t="s">
        <v>3</v>
      </c>
      <c r="D14" s="13">
        <v>2</v>
      </c>
      <c r="E14" s="64" t="s">
        <v>13</v>
      </c>
      <c r="F14" s="15">
        <v>4683</v>
      </c>
      <c r="G14" s="15">
        <v>7611</v>
      </c>
      <c r="H14" s="15">
        <v>3739</v>
      </c>
      <c r="I14" s="15">
        <v>3872</v>
      </c>
    </row>
    <row r="15" spans="1:9" ht="23.1" customHeight="1" x14ac:dyDescent="0.2">
      <c r="A15" s="59" t="s">
        <v>9</v>
      </c>
      <c r="B15" s="12">
        <v>5</v>
      </c>
      <c r="C15" s="60" t="s">
        <v>3</v>
      </c>
      <c r="D15" s="13">
        <v>1</v>
      </c>
      <c r="E15" s="61" t="s">
        <v>13</v>
      </c>
      <c r="F15" s="15">
        <v>4654</v>
      </c>
      <c r="G15" s="15">
        <v>7561</v>
      </c>
      <c r="H15" s="15">
        <v>3686</v>
      </c>
      <c r="I15" s="15">
        <v>3875</v>
      </c>
    </row>
    <row r="16" spans="1:9" ht="23.1" customHeight="1" x14ac:dyDescent="0.2">
      <c r="A16" s="56" t="s">
        <v>9</v>
      </c>
      <c r="B16" s="12">
        <v>4</v>
      </c>
      <c r="C16" s="57" t="s">
        <v>3</v>
      </c>
      <c r="D16" s="13">
        <v>12</v>
      </c>
      <c r="E16" s="58" t="s">
        <v>13</v>
      </c>
      <c r="F16" s="15">
        <v>4674</v>
      </c>
      <c r="G16" s="15">
        <v>7570</v>
      </c>
      <c r="H16" s="15">
        <v>3717</v>
      </c>
      <c r="I16" s="15">
        <v>3853</v>
      </c>
    </row>
    <row r="17" spans="1:9" ht="23.1" customHeight="1" x14ac:dyDescent="0.2">
      <c r="A17" s="53" t="s">
        <v>9</v>
      </c>
      <c r="B17" s="12">
        <v>4</v>
      </c>
      <c r="C17" s="54" t="s">
        <v>3</v>
      </c>
      <c r="D17" s="13">
        <v>11</v>
      </c>
      <c r="E17" s="55" t="s">
        <v>13</v>
      </c>
      <c r="F17" s="15">
        <v>4709</v>
      </c>
      <c r="G17" s="15">
        <v>7602</v>
      </c>
      <c r="H17" s="15">
        <v>3744</v>
      </c>
      <c r="I17" s="15">
        <v>3858</v>
      </c>
    </row>
    <row r="18" spans="1:9" ht="23.1" customHeight="1" x14ac:dyDescent="0.2">
      <c r="A18" s="50" t="s">
        <v>9</v>
      </c>
      <c r="B18" s="12">
        <v>4</v>
      </c>
      <c r="C18" s="51" t="s">
        <v>3</v>
      </c>
      <c r="D18" s="13">
        <v>10</v>
      </c>
      <c r="E18" s="52" t="s">
        <v>13</v>
      </c>
      <c r="F18" s="15">
        <v>4676</v>
      </c>
      <c r="G18" s="15">
        <v>7562</v>
      </c>
      <c r="H18" s="15">
        <v>3735</v>
      </c>
      <c r="I18" s="15">
        <v>3827</v>
      </c>
    </row>
    <row r="19" spans="1:9" ht="23.1" customHeight="1" x14ac:dyDescent="0.2">
      <c r="A19" s="47" t="s">
        <v>9</v>
      </c>
      <c r="B19" s="12">
        <v>4</v>
      </c>
      <c r="C19" s="48" t="s">
        <v>3</v>
      </c>
      <c r="D19" s="13">
        <v>9</v>
      </c>
      <c r="E19" s="49" t="s">
        <v>13</v>
      </c>
      <c r="F19" s="15">
        <v>4639</v>
      </c>
      <c r="G19" s="15">
        <v>7506</v>
      </c>
      <c r="H19" s="15">
        <v>3719</v>
      </c>
      <c r="I19" s="15">
        <v>3787</v>
      </c>
    </row>
    <row r="20" spans="1:9" ht="23.1" customHeight="1" x14ac:dyDescent="0.2">
      <c r="A20" s="44" t="s">
        <v>9</v>
      </c>
      <c r="B20" s="12">
        <v>4</v>
      </c>
      <c r="C20" s="45" t="s">
        <v>3</v>
      </c>
      <c r="D20" s="13">
        <v>8</v>
      </c>
      <c r="E20" s="46" t="s">
        <v>13</v>
      </c>
      <c r="F20" s="15">
        <v>4573</v>
      </c>
      <c r="G20" s="15">
        <v>7437</v>
      </c>
      <c r="H20" s="15">
        <v>3682</v>
      </c>
      <c r="I20" s="15">
        <v>3755</v>
      </c>
    </row>
    <row r="21" spans="1:9" ht="23.1" customHeight="1" x14ac:dyDescent="0.2">
      <c r="A21" s="41" t="s">
        <v>9</v>
      </c>
      <c r="B21" s="12">
        <v>4</v>
      </c>
      <c r="C21" s="42" t="s">
        <v>3</v>
      </c>
      <c r="D21" s="13">
        <v>7</v>
      </c>
      <c r="E21" s="43" t="s">
        <v>13</v>
      </c>
      <c r="F21" s="15">
        <v>4625</v>
      </c>
      <c r="G21" s="15">
        <v>7467</v>
      </c>
      <c r="H21" s="15">
        <v>3684</v>
      </c>
      <c r="I21" s="15">
        <v>3783</v>
      </c>
    </row>
    <row r="22" spans="1:9" ht="23.1" customHeight="1" x14ac:dyDescent="0.2">
      <c r="A22" s="38" t="s">
        <v>9</v>
      </c>
      <c r="B22" s="12">
        <v>4</v>
      </c>
      <c r="C22" s="39" t="s">
        <v>3</v>
      </c>
      <c r="D22" s="13">
        <v>6</v>
      </c>
      <c r="E22" s="40" t="s">
        <v>13</v>
      </c>
      <c r="F22" s="15">
        <v>4628</v>
      </c>
      <c r="G22" s="15">
        <v>7471</v>
      </c>
      <c r="H22" s="15">
        <v>3715</v>
      </c>
      <c r="I22" s="15">
        <v>3756</v>
      </c>
    </row>
    <row r="23" spans="1:9" ht="23.1" customHeight="1" x14ac:dyDescent="0.2">
      <c r="A23" s="35" t="s">
        <v>9</v>
      </c>
      <c r="B23" s="12">
        <v>4</v>
      </c>
      <c r="C23" s="36" t="s">
        <v>3</v>
      </c>
      <c r="D23" s="13">
        <v>5</v>
      </c>
      <c r="E23" s="37" t="s">
        <v>13</v>
      </c>
      <c r="F23" s="15">
        <v>4483</v>
      </c>
      <c r="G23" s="15">
        <v>7305</v>
      </c>
      <c r="H23" s="15">
        <v>3587</v>
      </c>
      <c r="I23" s="15">
        <v>3718</v>
      </c>
    </row>
    <row r="24" spans="1:9" ht="23.1" customHeight="1" x14ac:dyDescent="0.2">
      <c r="A24" s="32" t="s">
        <v>9</v>
      </c>
      <c r="B24" s="12">
        <v>4</v>
      </c>
      <c r="C24" s="33" t="s">
        <v>3</v>
      </c>
      <c r="D24" s="13">
        <v>4</v>
      </c>
      <c r="E24" s="34" t="s">
        <v>13</v>
      </c>
      <c r="F24" s="15">
        <v>4248</v>
      </c>
      <c r="G24" s="15">
        <v>7074</v>
      </c>
      <c r="H24" s="15">
        <v>3434</v>
      </c>
      <c r="I24" s="15">
        <v>3640</v>
      </c>
    </row>
    <row r="25" spans="1:9" ht="23.1" customHeight="1" x14ac:dyDescent="0.2">
      <c r="A25" s="29" t="s">
        <v>9</v>
      </c>
      <c r="B25" s="12">
        <v>4</v>
      </c>
      <c r="C25" s="30" t="s">
        <v>3</v>
      </c>
      <c r="D25" s="13">
        <v>3</v>
      </c>
      <c r="E25" s="31" t="s">
        <v>13</v>
      </c>
      <c r="F25" s="15">
        <v>4041</v>
      </c>
      <c r="G25" s="15">
        <v>6866</v>
      </c>
      <c r="H25" s="15">
        <v>3266</v>
      </c>
      <c r="I25" s="15">
        <v>3600</v>
      </c>
    </row>
    <row r="26" spans="1:9" ht="23.1" customHeight="1" x14ac:dyDescent="0.2">
      <c r="A26" s="26" t="s">
        <v>9</v>
      </c>
      <c r="B26" s="12">
        <v>4</v>
      </c>
      <c r="C26" s="27" t="s">
        <v>3</v>
      </c>
      <c r="D26" s="13">
        <v>2</v>
      </c>
      <c r="E26" s="28" t="s">
        <v>13</v>
      </c>
      <c r="F26" s="15">
        <v>3983</v>
      </c>
      <c r="G26" s="15">
        <v>6781</v>
      </c>
      <c r="H26" s="15">
        <v>3215</v>
      </c>
      <c r="I26" s="15">
        <v>3566</v>
      </c>
    </row>
    <row r="27" spans="1:9" ht="23.1" customHeight="1" x14ac:dyDescent="0.2">
      <c r="A27" s="23" t="s">
        <v>9</v>
      </c>
      <c r="B27" s="12">
        <v>4</v>
      </c>
      <c r="C27" s="24" t="s">
        <v>3</v>
      </c>
      <c r="D27" s="13">
        <v>1</v>
      </c>
      <c r="E27" s="25" t="s">
        <v>13</v>
      </c>
      <c r="F27" s="15">
        <v>4010</v>
      </c>
      <c r="G27" s="15">
        <v>6800</v>
      </c>
      <c r="H27" s="15">
        <v>3237</v>
      </c>
      <c r="I27" s="15">
        <v>3563</v>
      </c>
    </row>
    <row r="28" spans="1:9" ht="23.1" customHeight="1" x14ac:dyDescent="0.2">
      <c r="A28" s="20" t="s">
        <v>11</v>
      </c>
      <c r="B28" s="12">
        <v>3</v>
      </c>
      <c r="C28" s="21" t="s">
        <v>12</v>
      </c>
      <c r="D28" s="13">
        <v>12</v>
      </c>
      <c r="E28" s="22" t="s">
        <v>13</v>
      </c>
      <c r="F28" s="15">
        <v>4081</v>
      </c>
      <c r="G28" s="15">
        <v>6864</v>
      </c>
      <c r="H28" s="15">
        <v>3285</v>
      </c>
      <c r="I28" s="15">
        <v>3579</v>
      </c>
    </row>
    <row r="29" spans="1:9" ht="23.1" customHeight="1" x14ac:dyDescent="0.2">
      <c r="A29" s="11" t="s">
        <v>9</v>
      </c>
      <c r="B29" s="12">
        <v>3</v>
      </c>
      <c r="C29" s="12" t="s">
        <v>3</v>
      </c>
      <c r="D29" s="13">
        <v>11</v>
      </c>
      <c r="E29" s="14" t="s">
        <v>4</v>
      </c>
      <c r="F29" s="15">
        <v>4124</v>
      </c>
      <c r="G29" s="15">
        <v>6893</v>
      </c>
      <c r="H29" s="15">
        <v>3324</v>
      </c>
      <c r="I29" s="15">
        <v>3569</v>
      </c>
    </row>
    <row r="30" spans="1:9" ht="23.1" customHeight="1" x14ac:dyDescent="0.2">
      <c r="A30" s="11" t="s">
        <v>9</v>
      </c>
      <c r="B30" s="12">
        <v>3</v>
      </c>
      <c r="C30" s="12" t="s">
        <v>3</v>
      </c>
      <c r="D30" s="13">
        <v>10</v>
      </c>
      <c r="E30" s="14" t="s">
        <v>4</v>
      </c>
      <c r="F30" s="15">
        <v>4161</v>
      </c>
      <c r="G30" s="15">
        <v>6926</v>
      </c>
      <c r="H30" s="15">
        <v>3357</v>
      </c>
      <c r="I30" s="15">
        <v>3569</v>
      </c>
    </row>
    <row r="31" spans="1:9" ht="23.1" customHeight="1" x14ac:dyDescent="0.2">
      <c r="A31" s="11" t="s">
        <v>9</v>
      </c>
      <c r="B31" s="12">
        <v>3</v>
      </c>
      <c r="C31" s="12" t="s">
        <v>3</v>
      </c>
      <c r="D31" s="13">
        <v>9</v>
      </c>
      <c r="E31" s="14" t="s">
        <v>4</v>
      </c>
      <c r="F31" s="15">
        <v>4225</v>
      </c>
      <c r="G31" s="15">
        <v>6982</v>
      </c>
      <c r="H31" s="15">
        <v>3392</v>
      </c>
      <c r="I31" s="15">
        <v>3590</v>
      </c>
    </row>
    <row r="32" spans="1:9" ht="23.1" customHeight="1" x14ac:dyDescent="0.2">
      <c r="A32" s="11" t="s">
        <v>9</v>
      </c>
      <c r="B32" s="12">
        <v>3</v>
      </c>
      <c r="C32" s="12" t="s">
        <v>3</v>
      </c>
      <c r="D32" s="13">
        <v>8</v>
      </c>
      <c r="E32" s="14" t="s">
        <v>4</v>
      </c>
      <c r="F32" s="15">
        <v>4261</v>
      </c>
      <c r="G32" s="15">
        <v>7009</v>
      </c>
      <c r="H32" s="15">
        <v>3413</v>
      </c>
      <c r="I32" s="15">
        <v>3596</v>
      </c>
    </row>
    <row r="33" spans="1:9" ht="23.1" customHeight="1" x14ac:dyDescent="0.2">
      <c r="A33" s="11" t="s">
        <v>9</v>
      </c>
      <c r="B33" s="12">
        <v>3</v>
      </c>
      <c r="C33" s="12" t="s">
        <v>3</v>
      </c>
      <c r="D33" s="13">
        <v>7</v>
      </c>
      <c r="E33" s="14" t="s">
        <v>4</v>
      </c>
      <c r="F33" s="15">
        <v>4329</v>
      </c>
      <c r="G33" s="15">
        <v>7072</v>
      </c>
      <c r="H33" s="15">
        <v>3443</v>
      </c>
      <c r="I33" s="15">
        <v>3629</v>
      </c>
    </row>
    <row r="34" spans="1:9" ht="23.1" customHeight="1" x14ac:dyDescent="0.2">
      <c r="A34" s="11" t="s">
        <v>9</v>
      </c>
      <c r="B34" s="12">
        <v>3</v>
      </c>
      <c r="C34" s="12" t="s">
        <v>3</v>
      </c>
      <c r="D34" s="13">
        <v>6</v>
      </c>
      <c r="E34" s="14" t="s">
        <v>4</v>
      </c>
      <c r="F34" s="15">
        <v>4399</v>
      </c>
      <c r="G34" s="15">
        <v>7152</v>
      </c>
      <c r="H34" s="15">
        <v>3485</v>
      </c>
      <c r="I34" s="15">
        <v>3667</v>
      </c>
    </row>
    <row r="35" spans="1:9" ht="23.1" customHeight="1" x14ac:dyDescent="0.2">
      <c r="A35" s="11" t="s">
        <v>9</v>
      </c>
      <c r="B35" s="12">
        <v>3</v>
      </c>
      <c r="C35" s="12" t="s">
        <v>3</v>
      </c>
      <c r="D35" s="13">
        <v>5</v>
      </c>
      <c r="E35" s="14" t="s">
        <v>4</v>
      </c>
      <c r="F35" s="15">
        <v>4475</v>
      </c>
      <c r="G35" s="15">
        <v>7223</v>
      </c>
      <c r="H35" s="15">
        <v>3518</v>
      </c>
      <c r="I35" s="15">
        <v>3705</v>
      </c>
    </row>
    <row r="36" spans="1:9" ht="23.1" customHeight="1" x14ac:dyDescent="0.2">
      <c r="A36" s="11" t="s">
        <v>9</v>
      </c>
      <c r="B36" s="12">
        <v>3</v>
      </c>
      <c r="C36" s="12" t="s">
        <v>3</v>
      </c>
      <c r="D36" s="13">
        <v>4</v>
      </c>
      <c r="E36" s="14" t="s">
        <v>4</v>
      </c>
      <c r="F36" s="15">
        <v>4511</v>
      </c>
      <c r="G36" s="15">
        <v>7259</v>
      </c>
      <c r="H36" s="15">
        <v>3539</v>
      </c>
      <c r="I36" s="15">
        <v>3720</v>
      </c>
    </row>
    <row r="37" spans="1:9" ht="23.1" customHeight="1" x14ac:dyDescent="0.2">
      <c r="A37" s="11" t="s">
        <v>9</v>
      </c>
      <c r="B37" s="12">
        <v>3</v>
      </c>
      <c r="C37" s="12" t="s">
        <v>3</v>
      </c>
      <c r="D37" s="13">
        <v>3</v>
      </c>
      <c r="E37" s="14" t="s">
        <v>4</v>
      </c>
      <c r="F37" s="15">
        <v>4579</v>
      </c>
      <c r="G37" s="15">
        <v>7338</v>
      </c>
      <c r="H37" s="15">
        <v>3574</v>
      </c>
      <c r="I37" s="15">
        <v>3764</v>
      </c>
    </row>
    <row r="38" spans="1:9" ht="23.1" customHeight="1" x14ac:dyDescent="0.2">
      <c r="A38" s="11" t="s">
        <v>9</v>
      </c>
      <c r="B38" s="12">
        <v>3</v>
      </c>
      <c r="C38" s="12" t="s">
        <v>3</v>
      </c>
      <c r="D38" s="13">
        <v>2</v>
      </c>
      <c r="E38" s="14" t="s">
        <v>4</v>
      </c>
      <c r="F38" s="15">
        <v>4656</v>
      </c>
      <c r="G38" s="15">
        <v>7424</v>
      </c>
      <c r="H38" s="15">
        <v>3611</v>
      </c>
      <c r="I38" s="15">
        <v>3813</v>
      </c>
    </row>
    <row r="39" spans="1:9" ht="23.1" customHeight="1" x14ac:dyDescent="0.2">
      <c r="A39" s="11" t="s">
        <v>9</v>
      </c>
      <c r="B39" s="12">
        <v>3</v>
      </c>
      <c r="C39" s="12" t="s">
        <v>3</v>
      </c>
      <c r="D39" s="13">
        <v>1</v>
      </c>
      <c r="E39" s="14" t="s">
        <v>4</v>
      </c>
      <c r="F39" s="15">
        <v>4805</v>
      </c>
      <c r="G39" s="15">
        <v>7623</v>
      </c>
      <c r="H39" s="15">
        <v>3732</v>
      </c>
      <c r="I39" s="15">
        <v>3891</v>
      </c>
    </row>
    <row r="40" spans="1:9" ht="23.1" customHeight="1" x14ac:dyDescent="0.2">
      <c r="A40" s="11" t="s">
        <v>9</v>
      </c>
      <c r="B40" s="12">
        <v>2</v>
      </c>
      <c r="C40" s="12" t="s">
        <v>3</v>
      </c>
      <c r="D40" s="13">
        <v>12</v>
      </c>
      <c r="E40" s="14" t="s">
        <v>4</v>
      </c>
      <c r="F40" s="15">
        <v>4676</v>
      </c>
      <c r="G40" s="15">
        <v>7494</v>
      </c>
      <c r="H40" s="15">
        <v>3658</v>
      </c>
      <c r="I40" s="15">
        <v>3836</v>
      </c>
    </row>
    <row r="41" spans="1:9" ht="23.1" customHeight="1" x14ac:dyDescent="0.2">
      <c r="A41" s="11" t="s">
        <v>9</v>
      </c>
      <c r="B41" s="12">
        <v>2</v>
      </c>
      <c r="C41" s="12" t="s">
        <v>3</v>
      </c>
      <c r="D41" s="13">
        <v>11</v>
      </c>
      <c r="E41" s="14" t="s">
        <v>4</v>
      </c>
      <c r="F41" s="15">
        <v>4593</v>
      </c>
      <c r="G41" s="15">
        <v>7401</v>
      </c>
      <c r="H41" s="15">
        <v>3576</v>
      </c>
      <c r="I41" s="15">
        <v>3825</v>
      </c>
    </row>
    <row r="42" spans="1:9" ht="23.1" customHeight="1" x14ac:dyDescent="0.2">
      <c r="A42" s="11" t="s">
        <v>9</v>
      </c>
      <c r="B42" s="12">
        <v>2</v>
      </c>
      <c r="C42" s="12" t="s">
        <v>3</v>
      </c>
      <c r="D42" s="13">
        <v>10</v>
      </c>
      <c r="E42" s="14" t="s">
        <v>4</v>
      </c>
      <c r="F42" s="15">
        <v>4575</v>
      </c>
      <c r="G42" s="15">
        <v>7376</v>
      </c>
      <c r="H42" s="15">
        <v>3571</v>
      </c>
      <c r="I42" s="15">
        <v>3805</v>
      </c>
    </row>
    <row r="43" spans="1:9" ht="23.1" customHeight="1" x14ac:dyDescent="0.2">
      <c r="A43" s="11" t="s">
        <v>9</v>
      </c>
      <c r="B43" s="12">
        <v>2</v>
      </c>
      <c r="C43" s="12" t="s">
        <v>3</v>
      </c>
      <c r="D43" s="13">
        <v>9</v>
      </c>
      <c r="E43" s="14" t="s">
        <v>4</v>
      </c>
      <c r="F43" s="15">
        <v>4591</v>
      </c>
      <c r="G43" s="15">
        <v>7393</v>
      </c>
      <c r="H43" s="15">
        <v>3587</v>
      </c>
      <c r="I43" s="15">
        <v>3806</v>
      </c>
    </row>
    <row r="44" spans="1:9" ht="23.1" customHeight="1" x14ac:dyDescent="0.2">
      <c r="A44" s="11" t="s">
        <v>9</v>
      </c>
      <c r="B44" s="12">
        <v>2</v>
      </c>
      <c r="C44" s="12" t="s">
        <v>3</v>
      </c>
      <c r="D44" s="13">
        <v>8</v>
      </c>
      <c r="E44" s="14" t="s">
        <v>4</v>
      </c>
      <c r="F44" s="15">
        <v>4639</v>
      </c>
      <c r="G44" s="15">
        <v>7440</v>
      </c>
      <c r="H44" s="15">
        <v>3602</v>
      </c>
      <c r="I44" s="15">
        <v>3838</v>
      </c>
    </row>
    <row r="45" spans="1:9" ht="23.1" customHeight="1" x14ac:dyDescent="0.2">
      <c r="A45" s="11" t="s">
        <v>9</v>
      </c>
      <c r="B45" s="12">
        <v>2</v>
      </c>
      <c r="C45" s="12" t="s">
        <v>3</v>
      </c>
      <c r="D45" s="13">
        <v>7</v>
      </c>
      <c r="E45" s="14" t="s">
        <v>4</v>
      </c>
      <c r="F45" s="15">
        <v>4682</v>
      </c>
      <c r="G45" s="15">
        <v>7496</v>
      </c>
      <c r="H45" s="15">
        <v>3627</v>
      </c>
      <c r="I45" s="15">
        <v>3869</v>
      </c>
    </row>
    <row r="46" spans="1:9" ht="23.1" customHeight="1" x14ac:dyDescent="0.2">
      <c r="A46" s="11" t="s">
        <v>9</v>
      </c>
      <c r="B46" s="12">
        <v>2</v>
      </c>
      <c r="C46" s="12" t="s">
        <v>3</v>
      </c>
      <c r="D46" s="13">
        <v>6</v>
      </c>
      <c r="E46" s="14" t="s">
        <v>4</v>
      </c>
      <c r="F46" s="15">
        <v>4734</v>
      </c>
      <c r="G46" s="15">
        <v>7559</v>
      </c>
      <c r="H46" s="15">
        <v>3664</v>
      </c>
      <c r="I46" s="15">
        <v>3895</v>
      </c>
    </row>
    <row r="47" spans="1:9" ht="23.1" customHeight="1" x14ac:dyDescent="0.2">
      <c r="A47" s="11" t="s">
        <v>9</v>
      </c>
      <c r="B47" s="12">
        <v>2</v>
      </c>
      <c r="C47" s="12" t="s">
        <v>3</v>
      </c>
      <c r="D47" s="13">
        <v>5</v>
      </c>
      <c r="E47" s="14" t="s">
        <v>4</v>
      </c>
      <c r="F47" s="15">
        <v>4760</v>
      </c>
      <c r="G47" s="15">
        <v>7590</v>
      </c>
      <c r="H47" s="15">
        <v>3692</v>
      </c>
      <c r="I47" s="15">
        <v>3898</v>
      </c>
    </row>
    <row r="48" spans="1:9" ht="23.1" customHeight="1" x14ac:dyDescent="0.2">
      <c r="A48" s="11" t="s">
        <v>9</v>
      </c>
      <c r="B48" s="12">
        <v>2</v>
      </c>
      <c r="C48" s="12" t="s">
        <v>3</v>
      </c>
      <c r="D48" s="13">
        <v>4</v>
      </c>
      <c r="E48" s="14" t="s">
        <v>4</v>
      </c>
      <c r="F48" s="15">
        <v>4812</v>
      </c>
      <c r="G48" s="15">
        <v>7649</v>
      </c>
      <c r="H48" s="15">
        <v>3728</v>
      </c>
      <c r="I48" s="15">
        <v>3921</v>
      </c>
    </row>
    <row r="49" spans="1:14" ht="23.1" customHeight="1" x14ac:dyDescent="0.2">
      <c r="A49" s="11" t="s">
        <v>9</v>
      </c>
      <c r="B49" s="12">
        <v>2</v>
      </c>
      <c r="C49" s="12" t="s">
        <v>3</v>
      </c>
      <c r="D49" s="13">
        <v>3</v>
      </c>
      <c r="E49" s="14" t="s">
        <v>4</v>
      </c>
      <c r="F49" s="15">
        <v>4846</v>
      </c>
      <c r="G49" s="15">
        <v>7707</v>
      </c>
      <c r="H49" s="15">
        <v>3760</v>
      </c>
      <c r="I49" s="15">
        <v>3947</v>
      </c>
    </row>
    <row r="50" spans="1:14" ht="23.1" customHeight="1" x14ac:dyDescent="0.2">
      <c r="A50" s="11" t="s">
        <v>9</v>
      </c>
      <c r="B50" s="12">
        <v>2</v>
      </c>
      <c r="C50" s="12" t="s">
        <v>3</v>
      </c>
      <c r="D50" s="13">
        <v>2</v>
      </c>
      <c r="E50" s="14" t="s">
        <v>4</v>
      </c>
      <c r="F50" s="15">
        <v>4919</v>
      </c>
      <c r="G50" s="15">
        <v>7799</v>
      </c>
      <c r="H50" s="15">
        <v>3798</v>
      </c>
      <c r="I50" s="15">
        <v>4001</v>
      </c>
    </row>
    <row r="51" spans="1:14" ht="23.1" customHeight="1" x14ac:dyDescent="0.2">
      <c r="A51" s="11" t="s">
        <v>9</v>
      </c>
      <c r="B51" s="12">
        <v>2</v>
      </c>
      <c r="C51" s="12" t="s">
        <v>3</v>
      </c>
      <c r="D51" s="13">
        <v>1</v>
      </c>
      <c r="E51" s="14" t="s">
        <v>4</v>
      </c>
      <c r="F51" s="15">
        <v>4876</v>
      </c>
      <c r="G51" s="15">
        <v>7758</v>
      </c>
      <c r="H51" s="15">
        <v>3749</v>
      </c>
      <c r="I51" s="15">
        <v>4009</v>
      </c>
    </row>
    <row r="52" spans="1:14" ht="23.1" customHeight="1" x14ac:dyDescent="0.2">
      <c r="A52" s="11" t="s">
        <v>9</v>
      </c>
      <c r="B52" s="12" t="s">
        <v>10</v>
      </c>
      <c r="C52" s="12" t="s">
        <v>3</v>
      </c>
      <c r="D52" s="13">
        <v>12</v>
      </c>
      <c r="E52" s="14" t="s">
        <v>4</v>
      </c>
      <c r="F52" s="15">
        <v>4856</v>
      </c>
      <c r="G52" s="15">
        <v>7759</v>
      </c>
      <c r="H52" s="15">
        <v>3771</v>
      </c>
      <c r="I52" s="15">
        <v>3988</v>
      </c>
    </row>
    <row r="53" spans="1:14" ht="23.1" customHeight="1" x14ac:dyDescent="0.2">
      <c r="A53" s="11" t="s">
        <v>9</v>
      </c>
      <c r="B53" s="12" t="s">
        <v>10</v>
      </c>
      <c r="C53" s="12" t="s">
        <v>3</v>
      </c>
      <c r="D53" s="13">
        <v>11</v>
      </c>
      <c r="E53" s="14" t="s">
        <v>4</v>
      </c>
      <c r="F53" s="15">
        <v>4932</v>
      </c>
      <c r="G53" s="15">
        <v>7845</v>
      </c>
      <c r="H53" s="15">
        <v>3788</v>
      </c>
      <c r="I53" s="15">
        <v>4057</v>
      </c>
    </row>
    <row r="54" spans="1:14" ht="23.1" customHeight="1" x14ac:dyDescent="0.2">
      <c r="A54" s="11" t="s">
        <v>9</v>
      </c>
      <c r="B54" s="12" t="s">
        <v>10</v>
      </c>
      <c r="C54" s="12" t="s">
        <v>3</v>
      </c>
      <c r="D54" s="13">
        <v>10</v>
      </c>
      <c r="E54" s="14" t="s">
        <v>4</v>
      </c>
      <c r="F54" s="15">
        <v>4896</v>
      </c>
      <c r="G54" s="15">
        <v>7827</v>
      </c>
      <c r="H54" s="15">
        <v>3779</v>
      </c>
      <c r="I54" s="15">
        <v>4048</v>
      </c>
    </row>
    <row r="55" spans="1:14" ht="23.1" customHeight="1" x14ac:dyDescent="0.2">
      <c r="A55" s="11" t="s">
        <v>9</v>
      </c>
      <c r="B55" s="12" t="s">
        <v>10</v>
      </c>
      <c r="C55" s="12" t="s">
        <v>3</v>
      </c>
      <c r="D55" s="13">
        <v>9</v>
      </c>
      <c r="E55" s="14" t="s">
        <v>4</v>
      </c>
      <c r="F55" s="15">
        <v>4911</v>
      </c>
      <c r="G55" s="15">
        <v>7856</v>
      </c>
      <c r="H55" s="15">
        <v>3772</v>
      </c>
      <c r="I55" s="15">
        <v>4084</v>
      </c>
    </row>
    <row r="56" spans="1:14" ht="23.1" customHeight="1" x14ac:dyDescent="0.2">
      <c r="A56" s="11" t="s">
        <v>9</v>
      </c>
      <c r="B56" s="12" t="s">
        <v>10</v>
      </c>
      <c r="C56" s="12" t="s">
        <v>3</v>
      </c>
      <c r="D56" s="13">
        <v>8</v>
      </c>
      <c r="E56" s="14" t="s">
        <v>4</v>
      </c>
      <c r="F56" s="15">
        <v>4907</v>
      </c>
      <c r="G56" s="15">
        <v>7844</v>
      </c>
      <c r="H56" s="15">
        <v>3803</v>
      </c>
      <c r="I56" s="15">
        <v>4041</v>
      </c>
      <c r="J56" s="19"/>
      <c r="K56" s="3"/>
    </row>
    <row r="57" spans="1:14" ht="23.1" customHeight="1" x14ac:dyDescent="0.2">
      <c r="A57" s="11" t="s">
        <v>9</v>
      </c>
      <c r="B57" s="12" t="s">
        <v>10</v>
      </c>
      <c r="C57" s="12" t="s">
        <v>3</v>
      </c>
      <c r="D57" s="13">
        <v>7</v>
      </c>
      <c r="E57" s="14" t="s">
        <v>4</v>
      </c>
      <c r="F57" s="15">
        <v>4980</v>
      </c>
      <c r="G57" s="15">
        <v>7919</v>
      </c>
      <c r="H57" s="15">
        <v>3811</v>
      </c>
      <c r="I57" s="15">
        <v>4108</v>
      </c>
    </row>
    <row r="58" spans="1:14" ht="23.1" customHeight="1" x14ac:dyDescent="0.2">
      <c r="A58" s="11" t="s">
        <v>9</v>
      </c>
      <c r="B58" s="12" t="s">
        <v>10</v>
      </c>
      <c r="C58" s="12" t="s">
        <v>3</v>
      </c>
      <c r="D58" s="13">
        <v>6</v>
      </c>
      <c r="E58" s="14" t="s">
        <v>4</v>
      </c>
      <c r="F58" s="15">
        <v>4863</v>
      </c>
      <c r="G58" s="15">
        <v>7729</v>
      </c>
      <c r="H58" s="15">
        <v>3706</v>
      </c>
      <c r="I58" s="15">
        <v>4023</v>
      </c>
      <c r="K58" s="18"/>
      <c r="L58" s="18"/>
      <c r="M58" s="18"/>
      <c r="N58" s="18"/>
    </row>
    <row r="59" spans="1:14" ht="23.1" customHeight="1" x14ac:dyDescent="0.2">
      <c r="A59" s="11" t="s">
        <v>9</v>
      </c>
      <c r="B59" s="12" t="s">
        <v>10</v>
      </c>
      <c r="C59" s="12" t="s">
        <v>3</v>
      </c>
      <c r="D59" s="13">
        <v>5</v>
      </c>
      <c r="E59" s="14" t="s">
        <v>4</v>
      </c>
      <c r="F59" s="15">
        <v>4767</v>
      </c>
      <c r="G59" s="15">
        <v>7576</v>
      </c>
      <c r="H59" s="15">
        <v>3628</v>
      </c>
      <c r="I59" s="15">
        <v>3948</v>
      </c>
    </row>
    <row r="60" spans="1:14" ht="23.1" customHeight="1" x14ac:dyDescent="0.2">
      <c r="A60" s="11" t="s">
        <v>2</v>
      </c>
      <c r="B60" s="12">
        <v>31</v>
      </c>
      <c r="C60" s="12" t="s">
        <v>3</v>
      </c>
      <c r="D60" s="13">
        <v>4</v>
      </c>
      <c r="E60" s="14" t="s">
        <v>4</v>
      </c>
      <c r="F60" s="15">
        <v>4632</v>
      </c>
      <c r="G60" s="15">
        <v>7415</v>
      </c>
      <c r="H60" s="15">
        <v>3568</v>
      </c>
      <c r="I60" s="15">
        <v>3847</v>
      </c>
    </row>
    <row r="61" spans="1:14" ht="23.1" customHeight="1" x14ac:dyDescent="0.2">
      <c r="A61" s="11" t="s">
        <v>2</v>
      </c>
      <c r="B61" s="12">
        <v>31</v>
      </c>
      <c r="C61" s="12" t="s">
        <v>3</v>
      </c>
      <c r="D61" s="13">
        <v>3</v>
      </c>
      <c r="E61" s="14" t="s">
        <v>4</v>
      </c>
      <c r="F61" s="15">
        <v>4636</v>
      </c>
      <c r="G61" s="15">
        <v>7434</v>
      </c>
      <c r="H61" s="15">
        <v>3596</v>
      </c>
      <c r="I61" s="15">
        <v>3838</v>
      </c>
    </row>
    <row r="62" spans="1:14" ht="23.1" customHeight="1" x14ac:dyDescent="0.2">
      <c r="A62" s="11" t="s">
        <v>2</v>
      </c>
      <c r="B62" s="12">
        <v>31</v>
      </c>
      <c r="C62" s="12" t="s">
        <v>3</v>
      </c>
      <c r="D62" s="13">
        <v>2</v>
      </c>
      <c r="E62" s="14" t="s">
        <v>4</v>
      </c>
      <c r="F62" s="15">
        <v>4731</v>
      </c>
      <c r="G62" s="15">
        <v>7528</v>
      </c>
      <c r="H62" s="15">
        <v>3706</v>
      </c>
      <c r="I62" s="15">
        <v>3822</v>
      </c>
    </row>
    <row r="63" spans="1:14" ht="23.1" customHeight="1" x14ac:dyDescent="0.2">
      <c r="A63" s="11" t="s">
        <v>2</v>
      </c>
      <c r="B63" s="12">
        <v>31</v>
      </c>
      <c r="C63" s="12" t="s">
        <v>3</v>
      </c>
      <c r="D63" s="13">
        <v>1</v>
      </c>
      <c r="E63" s="14" t="s">
        <v>4</v>
      </c>
      <c r="F63" s="15">
        <v>4800</v>
      </c>
      <c r="G63" s="15">
        <v>7616</v>
      </c>
      <c r="H63" s="15">
        <v>3778</v>
      </c>
      <c r="I63" s="15">
        <v>3838</v>
      </c>
    </row>
    <row r="64" spans="1:14" ht="23.1" customHeight="1" x14ac:dyDescent="0.2">
      <c r="A64" s="11" t="s">
        <v>2</v>
      </c>
      <c r="B64" s="12">
        <v>30</v>
      </c>
      <c r="C64" s="12" t="s">
        <v>3</v>
      </c>
      <c r="D64" s="13">
        <v>12</v>
      </c>
      <c r="E64" s="14" t="s">
        <v>4</v>
      </c>
      <c r="F64" s="15">
        <v>4809</v>
      </c>
      <c r="G64" s="15">
        <v>7644</v>
      </c>
      <c r="H64" s="15">
        <v>3811</v>
      </c>
      <c r="I64" s="15">
        <v>3833</v>
      </c>
    </row>
    <row r="65" spans="1:9" ht="23.1" customHeight="1" x14ac:dyDescent="0.2">
      <c r="A65" s="11" t="s">
        <v>2</v>
      </c>
      <c r="B65" s="12">
        <v>30</v>
      </c>
      <c r="C65" s="12" t="s">
        <v>3</v>
      </c>
      <c r="D65" s="13">
        <v>11</v>
      </c>
      <c r="E65" s="14" t="s">
        <v>4</v>
      </c>
      <c r="F65" s="15">
        <v>4904</v>
      </c>
      <c r="G65" s="15">
        <v>7733</v>
      </c>
      <c r="H65" s="15">
        <v>3861</v>
      </c>
      <c r="I65" s="15">
        <v>3872</v>
      </c>
    </row>
    <row r="66" spans="1:9" ht="23.1" customHeight="1" x14ac:dyDescent="0.2">
      <c r="A66" s="11" t="s">
        <v>2</v>
      </c>
      <c r="B66" s="12">
        <v>30</v>
      </c>
      <c r="C66" s="12" t="s">
        <v>3</v>
      </c>
      <c r="D66" s="13">
        <v>10</v>
      </c>
      <c r="E66" s="14" t="s">
        <v>4</v>
      </c>
      <c r="F66" s="15">
        <v>4786</v>
      </c>
      <c r="G66" s="15">
        <v>7631</v>
      </c>
      <c r="H66" s="15">
        <v>3776</v>
      </c>
      <c r="I66" s="15">
        <v>3855</v>
      </c>
    </row>
    <row r="67" spans="1:9" ht="23.1" customHeight="1" x14ac:dyDescent="0.2">
      <c r="A67" s="11" t="s">
        <v>2</v>
      </c>
      <c r="B67" s="12">
        <v>30</v>
      </c>
      <c r="C67" s="12" t="s">
        <v>3</v>
      </c>
      <c r="D67" s="13">
        <v>9</v>
      </c>
      <c r="E67" s="14" t="s">
        <v>4</v>
      </c>
      <c r="F67" s="15">
        <v>4809</v>
      </c>
      <c r="G67" s="15">
        <v>7652</v>
      </c>
      <c r="H67" s="15">
        <v>3780</v>
      </c>
      <c r="I67" s="15">
        <v>3872</v>
      </c>
    </row>
    <row r="68" spans="1:9" ht="23.1" customHeight="1" x14ac:dyDescent="0.2">
      <c r="A68" s="11" t="s">
        <v>2</v>
      </c>
      <c r="B68" s="12">
        <v>30</v>
      </c>
      <c r="C68" s="12" t="s">
        <v>3</v>
      </c>
      <c r="D68" s="13">
        <v>8</v>
      </c>
      <c r="E68" s="14" t="s">
        <v>4</v>
      </c>
      <c r="F68" s="15">
        <v>4686</v>
      </c>
      <c r="G68" s="15">
        <v>7534</v>
      </c>
      <c r="H68" s="15">
        <v>3777</v>
      </c>
      <c r="I68" s="15">
        <v>3757</v>
      </c>
    </row>
    <row r="69" spans="1:9" ht="23.1" customHeight="1" x14ac:dyDescent="0.2">
      <c r="A69" s="11" t="s">
        <v>2</v>
      </c>
      <c r="B69" s="12">
        <v>30</v>
      </c>
      <c r="C69" s="12" t="s">
        <v>3</v>
      </c>
      <c r="D69" s="13">
        <v>7</v>
      </c>
      <c r="E69" s="14" t="s">
        <v>4</v>
      </c>
      <c r="F69" s="15">
        <v>4525</v>
      </c>
      <c r="G69" s="15">
        <v>7352</v>
      </c>
      <c r="H69" s="15">
        <v>3663</v>
      </c>
      <c r="I69" s="15">
        <v>3689</v>
      </c>
    </row>
    <row r="70" spans="1:9" ht="23.1" customHeight="1" x14ac:dyDescent="0.2">
      <c r="A70" s="11" t="s">
        <v>2</v>
      </c>
      <c r="B70" s="12">
        <v>30</v>
      </c>
      <c r="C70" s="12" t="s">
        <v>3</v>
      </c>
      <c r="D70" s="13">
        <v>6</v>
      </c>
      <c r="E70" s="14" t="s">
        <v>4</v>
      </c>
      <c r="F70" s="15">
        <v>4407</v>
      </c>
      <c r="G70" s="15">
        <v>7226</v>
      </c>
      <c r="H70" s="15">
        <v>3559</v>
      </c>
      <c r="I70" s="15">
        <v>3667</v>
      </c>
    </row>
    <row r="71" spans="1:9" ht="23.1" customHeight="1" x14ac:dyDescent="0.2">
      <c r="A71" s="11" t="s">
        <v>2</v>
      </c>
      <c r="B71" s="12">
        <v>30</v>
      </c>
      <c r="C71" s="12" t="s">
        <v>3</v>
      </c>
      <c r="D71" s="13">
        <v>5</v>
      </c>
      <c r="E71" s="14" t="s">
        <v>4</v>
      </c>
      <c r="F71" s="15">
        <v>4352</v>
      </c>
      <c r="G71" s="15">
        <v>7159</v>
      </c>
      <c r="H71" s="15">
        <v>3516</v>
      </c>
      <c r="I71" s="15">
        <v>3643</v>
      </c>
    </row>
    <row r="72" spans="1:9" ht="23.1" customHeight="1" x14ac:dyDescent="0.2">
      <c r="A72" s="11" t="s">
        <v>2</v>
      </c>
      <c r="B72" s="12">
        <v>30</v>
      </c>
      <c r="C72" s="12" t="s">
        <v>3</v>
      </c>
      <c r="D72" s="13">
        <v>4</v>
      </c>
      <c r="E72" s="14" t="s">
        <v>4</v>
      </c>
      <c r="F72" s="15">
        <v>4338</v>
      </c>
      <c r="G72" s="15">
        <v>7130</v>
      </c>
      <c r="H72" s="15">
        <v>3492</v>
      </c>
      <c r="I72" s="15">
        <v>3638</v>
      </c>
    </row>
    <row r="73" spans="1:9" ht="23.1" customHeight="1" x14ac:dyDescent="0.2">
      <c r="A73" s="11" t="s">
        <v>2</v>
      </c>
      <c r="B73" s="12">
        <v>30</v>
      </c>
      <c r="C73" s="12" t="s">
        <v>3</v>
      </c>
      <c r="D73" s="13">
        <v>3</v>
      </c>
      <c r="E73" s="14" t="s">
        <v>4</v>
      </c>
      <c r="F73" s="15">
        <v>4242</v>
      </c>
      <c r="G73" s="15">
        <v>7029</v>
      </c>
      <c r="H73" s="15">
        <v>3428</v>
      </c>
      <c r="I73" s="15">
        <v>3601</v>
      </c>
    </row>
    <row r="74" spans="1:9" ht="23.1" customHeight="1" x14ac:dyDescent="0.2">
      <c r="A74" s="11" t="s">
        <v>2</v>
      </c>
      <c r="B74" s="12">
        <v>30</v>
      </c>
      <c r="C74" s="12" t="s">
        <v>3</v>
      </c>
      <c r="D74" s="13">
        <v>2</v>
      </c>
      <c r="E74" s="14" t="s">
        <v>4</v>
      </c>
      <c r="F74" s="15">
        <v>4307</v>
      </c>
      <c r="G74" s="15">
        <v>7073</v>
      </c>
      <c r="H74" s="15">
        <v>3443</v>
      </c>
      <c r="I74" s="15">
        <v>3630</v>
      </c>
    </row>
    <row r="75" spans="1:9" ht="23.1" customHeight="1" x14ac:dyDescent="0.2">
      <c r="A75" s="11" t="s">
        <v>2</v>
      </c>
      <c r="B75" s="12">
        <v>30</v>
      </c>
      <c r="C75" s="12" t="s">
        <v>3</v>
      </c>
      <c r="D75" s="13">
        <v>1</v>
      </c>
      <c r="E75" s="14" t="s">
        <v>4</v>
      </c>
      <c r="F75" s="15">
        <v>4263</v>
      </c>
      <c r="G75" s="15">
        <v>7026</v>
      </c>
      <c r="H75" s="15">
        <v>3404</v>
      </c>
      <c r="I75" s="15">
        <v>3622</v>
      </c>
    </row>
    <row r="76" spans="1:9" ht="23.1" customHeight="1" x14ac:dyDescent="0.2">
      <c r="A76" s="11" t="s">
        <v>2</v>
      </c>
      <c r="B76" s="12">
        <v>29</v>
      </c>
      <c r="C76" s="12" t="s">
        <v>3</v>
      </c>
      <c r="D76" s="13">
        <v>12</v>
      </c>
      <c r="E76" s="14" t="s">
        <v>4</v>
      </c>
      <c r="F76" s="15">
        <v>4106</v>
      </c>
      <c r="G76" s="15">
        <v>6835</v>
      </c>
      <c r="H76" s="15">
        <v>3277</v>
      </c>
      <c r="I76" s="15">
        <v>3558</v>
      </c>
    </row>
    <row r="77" spans="1:9" ht="23.1" customHeight="1" x14ac:dyDescent="0.2">
      <c r="A77" s="11" t="s">
        <v>2</v>
      </c>
      <c r="B77" s="12">
        <v>29</v>
      </c>
      <c r="C77" s="12" t="s">
        <v>3</v>
      </c>
      <c r="D77" s="13">
        <v>11</v>
      </c>
      <c r="E77" s="14" t="s">
        <v>4</v>
      </c>
      <c r="F77" s="15">
        <v>3953</v>
      </c>
      <c r="G77" s="15">
        <v>6663</v>
      </c>
      <c r="H77" s="15">
        <v>3115</v>
      </c>
      <c r="I77" s="15">
        <v>3548</v>
      </c>
    </row>
    <row r="78" spans="1:9" ht="23.1" customHeight="1" x14ac:dyDescent="0.2">
      <c r="A78" s="11" t="s">
        <v>2</v>
      </c>
      <c r="B78" s="12">
        <v>29</v>
      </c>
      <c r="C78" s="12" t="s">
        <v>3</v>
      </c>
      <c r="D78" s="13">
        <v>10</v>
      </c>
      <c r="E78" s="14" t="s">
        <v>4</v>
      </c>
      <c r="F78" s="15">
        <v>3787</v>
      </c>
      <c r="G78" s="15">
        <v>6462</v>
      </c>
      <c r="H78" s="15">
        <v>2979</v>
      </c>
      <c r="I78" s="15">
        <v>3483</v>
      </c>
    </row>
    <row r="79" spans="1:9" ht="23.1" customHeight="1" x14ac:dyDescent="0.2">
      <c r="A79" s="11" t="s">
        <v>2</v>
      </c>
      <c r="B79" s="12">
        <v>29</v>
      </c>
      <c r="C79" s="12" t="s">
        <v>3</v>
      </c>
      <c r="D79" s="13">
        <v>9</v>
      </c>
      <c r="E79" s="14" t="s">
        <v>4</v>
      </c>
      <c r="F79" s="15">
        <v>3694</v>
      </c>
      <c r="G79" s="15">
        <v>6341</v>
      </c>
      <c r="H79" s="15">
        <v>2901</v>
      </c>
      <c r="I79" s="15">
        <v>3440</v>
      </c>
    </row>
    <row r="80" spans="1:9" ht="23.1" customHeight="1" x14ac:dyDescent="0.2">
      <c r="A80" s="11" t="s">
        <v>2</v>
      </c>
      <c r="B80" s="12">
        <v>29</v>
      </c>
      <c r="C80" s="12" t="s">
        <v>3</v>
      </c>
      <c r="D80" s="13">
        <v>8</v>
      </c>
      <c r="E80" s="14" t="s">
        <v>4</v>
      </c>
      <c r="F80" s="15">
        <v>3606</v>
      </c>
      <c r="G80" s="15">
        <v>6236</v>
      </c>
      <c r="H80" s="15">
        <v>2840</v>
      </c>
      <c r="I80" s="15">
        <v>3396</v>
      </c>
    </row>
    <row r="81" spans="1:9" ht="23.1" customHeight="1" x14ac:dyDescent="0.2">
      <c r="A81" s="11" t="s">
        <v>2</v>
      </c>
      <c r="B81" s="12">
        <v>29</v>
      </c>
      <c r="C81" s="12" t="s">
        <v>3</v>
      </c>
      <c r="D81" s="13">
        <v>7</v>
      </c>
      <c r="E81" s="14" t="s">
        <v>4</v>
      </c>
      <c r="F81" s="15">
        <v>3558</v>
      </c>
      <c r="G81" s="15">
        <v>6158</v>
      </c>
      <c r="H81" s="15">
        <v>2793</v>
      </c>
      <c r="I81" s="15">
        <v>3365</v>
      </c>
    </row>
    <row r="82" spans="1:9" ht="23.1" customHeight="1" x14ac:dyDescent="0.2">
      <c r="A82" s="11" t="s">
        <v>2</v>
      </c>
      <c r="B82" s="12">
        <v>29</v>
      </c>
      <c r="C82" s="12" t="s">
        <v>3</v>
      </c>
      <c r="D82" s="13">
        <v>6</v>
      </c>
      <c r="E82" s="14" t="s">
        <v>4</v>
      </c>
      <c r="F82" s="15">
        <v>3500</v>
      </c>
      <c r="G82" s="15">
        <v>6078</v>
      </c>
      <c r="H82" s="15">
        <v>2732</v>
      </c>
      <c r="I82" s="15">
        <v>3346</v>
      </c>
    </row>
    <row r="83" spans="1:9" ht="23.1" customHeight="1" x14ac:dyDescent="0.2">
      <c r="A83" s="11" t="s">
        <v>2</v>
      </c>
      <c r="B83" s="12">
        <v>29</v>
      </c>
      <c r="C83" s="12" t="s">
        <v>3</v>
      </c>
      <c r="D83" s="13">
        <v>5</v>
      </c>
      <c r="E83" s="14" t="s">
        <v>4</v>
      </c>
      <c r="F83" s="15">
        <v>3487</v>
      </c>
      <c r="G83" s="15">
        <v>6062</v>
      </c>
      <c r="H83" s="15">
        <v>2718</v>
      </c>
      <c r="I83" s="15">
        <v>3344</v>
      </c>
    </row>
    <row r="84" spans="1:9" ht="23.1" customHeight="1" x14ac:dyDescent="0.2">
      <c r="A84" s="11" t="s">
        <v>2</v>
      </c>
      <c r="B84" s="12">
        <v>29</v>
      </c>
      <c r="C84" s="12" t="s">
        <v>3</v>
      </c>
      <c r="D84" s="13">
        <v>4</v>
      </c>
      <c r="E84" s="14" t="s">
        <v>4</v>
      </c>
      <c r="F84" s="15">
        <v>3470</v>
      </c>
      <c r="G84" s="15">
        <v>6044</v>
      </c>
      <c r="H84" s="15">
        <v>2716</v>
      </c>
      <c r="I84" s="15">
        <v>3328</v>
      </c>
    </row>
    <row r="85" spans="1:9" ht="23.1" customHeight="1" x14ac:dyDescent="0.2">
      <c r="A85" s="11" t="s">
        <v>2</v>
      </c>
      <c r="B85" s="12">
        <v>29</v>
      </c>
      <c r="C85" s="12" t="s">
        <v>3</v>
      </c>
      <c r="D85" s="13">
        <v>3</v>
      </c>
      <c r="E85" s="14" t="s">
        <v>4</v>
      </c>
      <c r="F85" s="15">
        <v>3343</v>
      </c>
      <c r="G85" s="15">
        <v>5914</v>
      </c>
      <c r="H85" s="15">
        <v>2651</v>
      </c>
      <c r="I85" s="15">
        <v>3263</v>
      </c>
    </row>
    <row r="86" spans="1:9" ht="23.1" customHeight="1" x14ac:dyDescent="0.2">
      <c r="A86" s="11" t="s">
        <v>2</v>
      </c>
      <c r="B86" s="12">
        <v>29</v>
      </c>
      <c r="C86" s="12" t="s">
        <v>3</v>
      </c>
      <c r="D86" s="13">
        <v>2</v>
      </c>
      <c r="E86" s="14" t="s">
        <v>4</v>
      </c>
      <c r="F86" s="15">
        <v>3296</v>
      </c>
      <c r="G86" s="15">
        <v>5854</v>
      </c>
      <c r="H86" s="15">
        <v>2612</v>
      </c>
      <c r="I86" s="15">
        <v>3242</v>
      </c>
    </row>
    <row r="87" spans="1:9" ht="23.1" customHeight="1" x14ac:dyDescent="0.2">
      <c r="A87" s="11" t="s">
        <v>2</v>
      </c>
      <c r="B87" s="12">
        <v>29</v>
      </c>
      <c r="C87" s="12" t="s">
        <v>3</v>
      </c>
      <c r="D87" s="13">
        <v>1</v>
      </c>
      <c r="E87" s="14" t="s">
        <v>4</v>
      </c>
      <c r="F87" s="15">
        <v>3269</v>
      </c>
      <c r="G87" s="15">
        <v>5821</v>
      </c>
      <c r="H87" s="15">
        <v>2590</v>
      </c>
      <c r="I87" s="15">
        <v>3231</v>
      </c>
    </row>
    <row r="88" spans="1:9" ht="23.1" customHeight="1" x14ac:dyDescent="0.2">
      <c r="A88" s="11" t="s">
        <v>2</v>
      </c>
      <c r="B88" s="12">
        <v>28</v>
      </c>
      <c r="C88" s="12" t="s">
        <v>3</v>
      </c>
      <c r="D88" s="13">
        <v>12</v>
      </c>
      <c r="E88" s="14" t="s">
        <v>4</v>
      </c>
      <c r="F88" s="15">
        <v>3261</v>
      </c>
      <c r="G88" s="15">
        <v>5811</v>
      </c>
      <c r="H88" s="15">
        <v>2595</v>
      </c>
      <c r="I88" s="15">
        <v>3216</v>
      </c>
    </row>
    <row r="89" spans="1:9" ht="23.1" customHeight="1" x14ac:dyDescent="0.2">
      <c r="A89" s="11" t="s">
        <v>2</v>
      </c>
      <c r="B89" s="12">
        <v>28</v>
      </c>
      <c r="C89" s="12" t="s">
        <v>3</v>
      </c>
      <c r="D89" s="13">
        <v>11</v>
      </c>
      <c r="E89" s="14" t="s">
        <v>4</v>
      </c>
      <c r="F89" s="15">
        <v>3269</v>
      </c>
      <c r="G89" s="15">
        <v>5818</v>
      </c>
      <c r="H89" s="15">
        <v>2604</v>
      </c>
      <c r="I89" s="15">
        <v>3214</v>
      </c>
    </row>
    <row r="90" spans="1:9" ht="23.1" customHeight="1" x14ac:dyDescent="0.2">
      <c r="A90" s="11" t="s">
        <v>2</v>
      </c>
      <c r="B90" s="12">
        <v>28</v>
      </c>
      <c r="C90" s="12" t="s">
        <v>3</v>
      </c>
      <c r="D90" s="13">
        <v>10</v>
      </c>
      <c r="E90" s="14" t="s">
        <v>4</v>
      </c>
      <c r="F90" s="15">
        <v>3296</v>
      </c>
      <c r="G90" s="15">
        <v>5830</v>
      </c>
      <c r="H90" s="15">
        <v>2613</v>
      </c>
      <c r="I90" s="15">
        <v>3217</v>
      </c>
    </row>
    <row r="91" spans="1:9" ht="23.1" customHeight="1" x14ac:dyDescent="0.2">
      <c r="A91" s="11" t="s">
        <v>2</v>
      </c>
      <c r="B91" s="12">
        <v>28</v>
      </c>
      <c r="C91" s="12" t="s">
        <v>3</v>
      </c>
      <c r="D91" s="13">
        <v>9</v>
      </c>
      <c r="E91" s="14" t="s">
        <v>4</v>
      </c>
      <c r="F91" s="15">
        <v>3220</v>
      </c>
      <c r="G91" s="15">
        <v>5746</v>
      </c>
      <c r="H91" s="15">
        <v>2577</v>
      </c>
      <c r="I91" s="15">
        <v>3169</v>
      </c>
    </row>
    <row r="92" spans="1:9" ht="23.1" customHeight="1" x14ac:dyDescent="0.2">
      <c r="A92" s="11" t="s">
        <v>2</v>
      </c>
      <c r="B92" s="12">
        <v>28</v>
      </c>
      <c r="C92" s="12" t="s">
        <v>3</v>
      </c>
      <c r="D92" s="13">
        <v>8</v>
      </c>
      <c r="E92" s="14" t="s">
        <v>4</v>
      </c>
      <c r="F92" s="15">
        <v>3116</v>
      </c>
      <c r="G92" s="15">
        <v>5642</v>
      </c>
      <c r="H92" s="15">
        <v>2512</v>
      </c>
      <c r="I92" s="15">
        <v>3130</v>
      </c>
    </row>
    <row r="93" spans="1:9" ht="23.1" customHeight="1" x14ac:dyDescent="0.2">
      <c r="A93" s="11" t="s">
        <v>2</v>
      </c>
      <c r="B93" s="12">
        <v>28</v>
      </c>
      <c r="C93" s="12" t="s">
        <v>3</v>
      </c>
      <c r="D93" s="13">
        <v>7</v>
      </c>
      <c r="E93" s="14" t="s">
        <v>4</v>
      </c>
      <c r="F93" s="15">
        <v>3155</v>
      </c>
      <c r="G93" s="15">
        <v>5666</v>
      </c>
      <c r="H93" s="15">
        <v>2521</v>
      </c>
      <c r="I93" s="15">
        <v>3145</v>
      </c>
    </row>
    <row r="94" spans="1:9" ht="23.1" customHeight="1" x14ac:dyDescent="0.2">
      <c r="A94" s="11" t="s">
        <v>2</v>
      </c>
      <c r="B94" s="12">
        <v>28</v>
      </c>
      <c r="C94" s="12" t="s">
        <v>3</v>
      </c>
      <c r="D94" s="13">
        <v>6</v>
      </c>
      <c r="E94" s="14" t="s">
        <v>4</v>
      </c>
      <c r="F94" s="15">
        <v>3122</v>
      </c>
      <c r="G94" s="15">
        <v>5635</v>
      </c>
      <c r="H94" s="15">
        <v>2502</v>
      </c>
      <c r="I94" s="15">
        <v>3133</v>
      </c>
    </row>
    <row r="95" spans="1:9" ht="23.1" customHeight="1" x14ac:dyDescent="0.2">
      <c r="A95" s="11" t="s">
        <v>2</v>
      </c>
      <c r="B95" s="12">
        <v>28</v>
      </c>
      <c r="C95" s="12" t="s">
        <v>3</v>
      </c>
      <c r="D95" s="13">
        <v>5</v>
      </c>
      <c r="E95" s="14" t="s">
        <v>4</v>
      </c>
      <c r="F95" s="15">
        <v>3113</v>
      </c>
      <c r="G95" s="15">
        <v>5612</v>
      </c>
      <c r="H95" s="15">
        <v>2506</v>
      </c>
      <c r="I95" s="15">
        <v>3106</v>
      </c>
    </row>
    <row r="96" spans="1:9" ht="23.1" customHeight="1" x14ac:dyDescent="0.2">
      <c r="A96" s="11" t="s">
        <v>2</v>
      </c>
      <c r="B96" s="12">
        <v>28</v>
      </c>
      <c r="C96" s="12" t="s">
        <v>3</v>
      </c>
      <c r="D96" s="13">
        <v>4</v>
      </c>
      <c r="E96" s="14" t="s">
        <v>4</v>
      </c>
      <c r="F96" s="15">
        <v>3133</v>
      </c>
      <c r="G96" s="15">
        <v>5625</v>
      </c>
      <c r="H96" s="15">
        <v>2539</v>
      </c>
      <c r="I96" s="15">
        <v>3086</v>
      </c>
    </row>
    <row r="97" spans="1:9" ht="23.1" customHeight="1" x14ac:dyDescent="0.2">
      <c r="A97" s="11" t="s">
        <v>2</v>
      </c>
      <c r="B97" s="12">
        <v>28</v>
      </c>
      <c r="C97" s="12" t="s">
        <v>3</v>
      </c>
      <c r="D97" s="13">
        <v>3</v>
      </c>
      <c r="E97" s="14" t="s">
        <v>4</v>
      </c>
      <c r="F97" s="15">
        <v>3008</v>
      </c>
      <c r="G97" s="15">
        <v>5493</v>
      </c>
      <c r="H97" s="15">
        <v>2449</v>
      </c>
      <c r="I97" s="15">
        <v>3044</v>
      </c>
    </row>
    <row r="98" spans="1:9" ht="23.1" customHeight="1" x14ac:dyDescent="0.2">
      <c r="A98" s="11" t="s">
        <v>2</v>
      </c>
      <c r="B98" s="12">
        <v>28</v>
      </c>
      <c r="C98" s="12" t="s">
        <v>3</v>
      </c>
      <c r="D98" s="13">
        <v>2</v>
      </c>
      <c r="E98" s="14" t="s">
        <v>4</v>
      </c>
      <c r="F98" s="15">
        <v>2993</v>
      </c>
      <c r="G98" s="15">
        <v>5488</v>
      </c>
      <c r="H98" s="15">
        <v>2447</v>
      </c>
      <c r="I98" s="15">
        <v>3041</v>
      </c>
    </row>
    <row r="99" spans="1:9" ht="23.1" customHeight="1" x14ac:dyDescent="0.2">
      <c r="A99" s="11" t="s">
        <v>2</v>
      </c>
      <c r="B99" s="12">
        <v>28</v>
      </c>
      <c r="C99" s="12" t="s">
        <v>3</v>
      </c>
      <c r="D99" s="13">
        <v>1</v>
      </c>
      <c r="E99" s="14" t="s">
        <v>4</v>
      </c>
      <c r="F99" s="15">
        <v>2990</v>
      </c>
      <c r="G99" s="15">
        <v>5474</v>
      </c>
      <c r="H99" s="15">
        <v>2413</v>
      </c>
      <c r="I99" s="15">
        <v>3061</v>
      </c>
    </row>
    <row r="100" spans="1:9" ht="23.1" customHeight="1" x14ac:dyDescent="0.2">
      <c r="A100" s="11" t="s">
        <v>2</v>
      </c>
      <c r="B100" s="12">
        <v>27</v>
      </c>
      <c r="C100" s="12" t="s">
        <v>3</v>
      </c>
      <c r="D100" s="13">
        <v>12</v>
      </c>
      <c r="E100" s="14" t="s">
        <v>4</v>
      </c>
      <c r="F100" s="15">
        <v>2954</v>
      </c>
      <c r="G100" s="15">
        <v>5426</v>
      </c>
      <c r="H100" s="15">
        <v>2400</v>
      </c>
      <c r="I100" s="15">
        <v>3026</v>
      </c>
    </row>
    <row r="101" spans="1:9" ht="23.1" customHeight="1" x14ac:dyDescent="0.2">
      <c r="A101" s="11" t="s">
        <v>2</v>
      </c>
      <c r="B101" s="12">
        <v>27</v>
      </c>
      <c r="C101" s="12" t="s">
        <v>3</v>
      </c>
      <c r="D101" s="13">
        <v>11</v>
      </c>
      <c r="E101" s="14" t="s">
        <v>4</v>
      </c>
      <c r="F101" s="15">
        <v>2982</v>
      </c>
      <c r="G101" s="15">
        <v>5429</v>
      </c>
      <c r="H101" s="15">
        <v>2414</v>
      </c>
      <c r="I101" s="15">
        <v>3015</v>
      </c>
    </row>
    <row r="102" spans="1:9" ht="23.1" customHeight="1" x14ac:dyDescent="0.2">
      <c r="A102" s="11" t="s">
        <v>2</v>
      </c>
      <c r="B102" s="12">
        <v>27</v>
      </c>
      <c r="C102" s="12" t="s">
        <v>3</v>
      </c>
      <c r="D102" s="13">
        <v>10</v>
      </c>
      <c r="E102" s="14" t="s">
        <v>4</v>
      </c>
      <c r="F102" s="15">
        <v>2989</v>
      </c>
      <c r="G102" s="15">
        <v>5424</v>
      </c>
      <c r="H102" s="15">
        <v>2429</v>
      </c>
      <c r="I102" s="15">
        <v>2995</v>
      </c>
    </row>
    <row r="103" spans="1:9" ht="23.1" customHeight="1" x14ac:dyDescent="0.2">
      <c r="A103" s="11" t="s">
        <v>2</v>
      </c>
      <c r="B103" s="12">
        <v>27</v>
      </c>
      <c r="C103" s="12" t="s">
        <v>3</v>
      </c>
      <c r="D103" s="13">
        <v>9</v>
      </c>
      <c r="E103" s="14" t="s">
        <v>4</v>
      </c>
      <c r="F103" s="15">
        <v>2855</v>
      </c>
      <c r="G103" s="15">
        <v>5270</v>
      </c>
      <c r="H103" s="15">
        <v>2324</v>
      </c>
      <c r="I103" s="15">
        <v>2946</v>
      </c>
    </row>
    <row r="104" spans="1:9" ht="23.1" customHeight="1" x14ac:dyDescent="0.2">
      <c r="A104" s="11" t="s">
        <v>2</v>
      </c>
      <c r="B104" s="12">
        <v>27</v>
      </c>
      <c r="C104" s="12" t="s">
        <v>3</v>
      </c>
      <c r="D104" s="13">
        <v>8</v>
      </c>
      <c r="E104" s="14" t="s">
        <v>4</v>
      </c>
      <c r="F104" s="15">
        <v>2783</v>
      </c>
      <c r="G104" s="15">
        <v>5184</v>
      </c>
      <c r="H104" s="15">
        <v>2256</v>
      </c>
      <c r="I104" s="15">
        <v>2928</v>
      </c>
    </row>
    <row r="105" spans="1:9" ht="23.1" customHeight="1" x14ac:dyDescent="0.2">
      <c r="A105" s="11" t="s">
        <v>2</v>
      </c>
      <c r="B105" s="12">
        <v>27</v>
      </c>
      <c r="C105" s="12" t="s">
        <v>3</v>
      </c>
      <c r="D105" s="13">
        <v>7</v>
      </c>
      <c r="E105" s="14" t="s">
        <v>4</v>
      </c>
      <c r="F105" s="15">
        <v>2842</v>
      </c>
      <c r="G105" s="15">
        <v>5232</v>
      </c>
      <c r="H105" s="15">
        <v>2269</v>
      </c>
      <c r="I105" s="15">
        <v>2963</v>
      </c>
    </row>
    <row r="106" spans="1:9" ht="23.1" customHeight="1" x14ac:dyDescent="0.2">
      <c r="A106" s="11" t="s">
        <v>2</v>
      </c>
      <c r="B106" s="12">
        <v>27</v>
      </c>
      <c r="C106" s="12" t="s">
        <v>3</v>
      </c>
      <c r="D106" s="13">
        <v>6</v>
      </c>
      <c r="E106" s="14" t="s">
        <v>4</v>
      </c>
      <c r="F106" s="15">
        <v>2806</v>
      </c>
      <c r="G106" s="15">
        <v>5195</v>
      </c>
      <c r="H106" s="15">
        <v>2244</v>
      </c>
      <c r="I106" s="15">
        <v>2951</v>
      </c>
    </row>
    <row r="107" spans="1:9" ht="23.1" customHeight="1" x14ac:dyDescent="0.2">
      <c r="A107" s="11" t="s">
        <v>2</v>
      </c>
      <c r="B107" s="12">
        <v>27</v>
      </c>
      <c r="C107" s="12" t="s">
        <v>3</v>
      </c>
      <c r="D107" s="13">
        <v>5</v>
      </c>
      <c r="E107" s="14" t="s">
        <v>4</v>
      </c>
      <c r="F107" s="15">
        <v>2839</v>
      </c>
      <c r="G107" s="15">
        <v>5219</v>
      </c>
      <c r="H107" s="15">
        <v>2257</v>
      </c>
      <c r="I107" s="15">
        <v>2962</v>
      </c>
    </row>
    <row r="108" spans="1:9" ht="23.1" customHeight="1" x14ac:dyDescent="0.2">
      <c r="A108" s="11" t="s">
        <v>2</v>
      </c>
      <c r="B108" s="12">
        <v>27</v>
      </c>
      <c r="C108" s="12" t="s">
        <v>3</v>
      </c>
      <c r="D108" s="13">
        <v>4</v>
      </c>
      <c r="E108" s="14" t="s">
        <v>4</v>
      </c>
      <c r="F108" s="15">
        <v>2845</v>
      </c>
      <c r="G108" s="15">
        <v>5220</v>
      </c>
      <c r="H108" s="15">
        <v>2262</v>
      </c>
      <c r="I108" s="15">
        <v>2958</v>
      </c>
    </row>
    <row r="109" spans="1:9" ht="23.1" customHeight="1" x14ac:dyDescent="0.2">
      <c r="A109" s="11" t="s">
        <v>2</v>
      </c>
      <c r="B109" s="12">
        <v>27</v>
      </c>
      <c r="C109" s="12" t="s">
        <v>3</v>
      </c>
      <c r="D109" s="13">
        <v>3</v>
      </c>
      <c r="E109" s="14" t="s">
        <v>4</v>
      </c>
      <c r="F109" s="15">
        <v>2732</v>
      </c>
      <c r="G109" s="15">
        <v>5082</v>
      </c>
      <c r="H109" s="15">
        <v>2178</v>
      </c>
      <c r="I109" s="15">
        <v>2904</v>
      </c>
    </row>
    <row r="110" spans="1:9" ht="23.1" customHeight="1" x14ac:dyDescent="0.2">
      <c r="A110" s="11" t="s">
        <v>2</v>
      </c>
      <c r="B110" s="12">
        <v>27</v>
      </c>
      <c r="C110" s="12" t="s">
        <v>3</v>
      </c>
      <c r="D110" s="13">
        <v>2</v>
      </c>
      <c r="E110" s="14" t="s">
        <v>4</v>
      </c>
      <c r="F110" s="15">
        <v>2757</v>
      </c>
      <c r="G110" s="15">
        <v>5106</v>
      </c>
      <c r="H110" s="15">
        <v>2182</v>
      </c>
      <c r="I110" s="15">
        <v>2924</v>
      </c>
    </row>
    <row r="111" spans="1:9" ht="23.1" customHeight="1" x14ac:dyDescent="0.2">
      <c r="A111" s="11" t="s">
        <v>2</v>
      </c>
      <c r="B111" s="12">
        <v>27</v>
      </c>
      <c r="C111" s="12" t="s">
        <v>3</v>
      </c>
      <c r="D111" s="13">
        <v>1</v>
      </c>
      <c r="E111" s="14" t="s">
        <v>4</v>
      </c>
      <c r="F111" s="15">
        <v>2787</v>
      </c>
      <c r="G111" s="15">
        <v>5133</v>
      </c>
      <c r="H111" s="15">
        <v>2187</v>
      </c>
      <c r="I111" s="15">
        <v>2946</v>
      </c>
    </row>
    <row r="112" spans="1:9" ht="23.1" customHeight="1" x14ac:dyDescent="0.2">
      <c r="A112" s="11" t="s">
        <v>2</v>
      </c>
      <c r="B112" s="12">
        <v>26</v>
      </c>
      <c r="C112" s="12" t="s">
        <v>3</v>
      </c>
      <c r="D112" s="13">
        <v>12</v>
      </c>
      <c r="E112" s="14" t="s">
        <v>4</v>
      </c>
      <c r="F112" s="15">
        <v>2784</v>
      </c>
      <c r="G112" s="15">
        <v>5126</v>
      </c>
      <c r="H112" s="15">
        <v>2176</v>
      </c>
      <c r="I112" s="15">
        <v>2950</v>
      </c>
    </row>
    <row r="113" spans="1:9" ht="23.1" customHeight="1" x14ac:dyDescent="0.2">
      <c r="A113" s="11" t="s">
        <v>2</v>
      </c>
      <c r="B113" s="12">
        <v>26</v>
      </c>
      <c r="C113" s="12" t="s">
        <v>3</v>
      </c>
      <c r="D113" s="13">
        <v>11</v>
      </c>
      <c r="E113" s="14" t="s">
        <v>4</v>
      </c>
      <c r="F113" s="15">
        <v>2799</v>
      </c>
      <c r="G113" s="15">
        <v>5139</v>
      </c>
      <c r="H113" s="15">
        <v>2183</v>
      </c>
      <c r="I113" s="15">
        <v>2956</v>
      </c>
    </row>
    <row r="114" spans="1:9" ht="23.1" customHeight="1" x14ac:dyDescent="0.2">
      <c r="A114" s="11" t="s">
        <v>2</v>
      </c>
      <c r="B114" s="12">
        <v>26</v>
      </c>
      <c r="C114" s="12" t="s">
        <v>3</v>
      </c>
      <c r="D114" s="13">
        <v>10</v>
      </c>
      <c r="E114" s="14" t="s">
        <v>4</v>
      </c>
      <c r="F114" s="15">
        <v>2849</v>
      </c>
      <c r="G114" s="15">
        <v>5202</v>
      </c>
      <c r="H114" s="15">
        <v>2216</v>
      </c>
      <c r="I114" s="15">
        <v>2986</v>
      </c>
    </row>
    <row r="115" spans="1:9" ht="23.1" customHeight="1" x14ac:dyDescent="0.2">
      <c r="A115" s="11" t="s">
        <v>2</v>
      </c>
      <c r="B115" s="12">
        <v>26</v>
      </c>
      <c r="C115" s="12" t="s">
        <v>3</v>
      </c>
      <c r="D115" s="13">
        <v>9</v>
      </c>
      <c r="E115" s="14" t="s">
        <v>4</v>
      </c>
      <c r="F115" s="15">
        <v>2784</v>
      </c>
      <c r="G115" s="15">
        <v>5113</v>
      </c>
      <c r="H115" s="15">
        <v>2167</v>
      </c>
      <c r="I115" s="15">
        <v>2946</v>
      </c>
    </row>
    <row r="116" spans="1:9" ht="23.1" customHeight="1" x14ac:dyDescent="0.2">
      <c r="A116" s="11" t="s">
        <v>2</v>
      </c>
      <c r="B116" s="12">
        <v>26</v>
      </c>
      <c r="C116" s="12" t="s">
        <v>3</v>
      </c>
      <c r="D116" s="13">
        <v>8</v>
      </c>
      <c r="E116" s="14" t="s">
        <v>4</v>
      </c>
      <c r="F116" s="15">
        <v>2788</v>
      </c>
      <c r="G116" s="15">
        <v>5128</v>
      </c>
      <c r="H116" s="15">
        <v>2192</v>
      </c>
      <c r="I116" s="15">
        <v>2936</v>
      </c>
    </row>
    <row r="117" spans="1:9" ht="23.1" customHeight="1" x14ac:dyDescent="0.2">
      <c r="A117" s="11" t="s">
        <v>2</v>
      </c>
      <c r="B117" s="12">
        <v>26</v>
      </c>
      <c r="C117" s="12" t="s">
        <v>3</v>
      </c>
      <c r="D117" s="13">
        <v>7</v>
      </c>
      <c r="E117" s="14" t="s">
        <v>4</v>
      </c>
      <c r="F117" s="15">
        <v>2829</v>
      </c>
      <c r="G117" s="15">
        <v>5163</v>
      </c>
      <c r="H117" s="15">
        <v>2198</v>
      </c>
      <c r="I117" s="15">
        <v>2965</v>
      </c>
    </row>
    <row r="118" spans="1:9" ht="23.1" customHeight="1" x14ac:dyDescent="0.2">
      <c r="A118" s="11" t="s">
        <v>2</v>
      </c>
      <c r="B118" s="12">
        <v>26</v>
      </c>
      <c r="C118" s="12" t="s">
        <v>3</v>
      </c>
      <c r="D118" s="13">
        <v>6</v>
      </c>
      <c r="E118" s="14" t="s">
        <v>4</v>
      </c>
      <c r="F118" s="15">
        <v>2816</v>
      </c>
      <c r="G118" s="15">
        <v>5145</v>
      </c>
      <c r="H118" s="15">
        <v>2202</v>
      </c>
      <c r="I118" s="15">
        <v>2943</v>
      </c>
    </row>
    <row r="119" spans="1:9" ht="23.1" customHeight="1" x14ac:dyDescent="0.2">
      <c r="A119" s="11" t="s">
        <v>2</v>
      </c>
      <c r="B119" s="12">
        <v>26</v>
      </c>
      <c r="C119" s="12" t="s">
        <v>3</v>
      </c>
      <c r="D119" s="13">
        <v>5</v>
      </c>
      <c r="E119" s="14" t="s">
        <v>4</v>
      </c>
      <c r="F119" s="15">
        <v>2777</v>
      </c>
      <c r="G119" s="15">
        <v>5093</v>
      </c>
      <c r="H119" s="15">
        <v>2184</v>
      </c>
      <c r="I119" s="15">
        <v>2909</v>
      </c>
    </row>
    <row r="120" spans="1:9" ht="23.1" customHeight="1" x14ac:dyDescent="0.2">
      <c r="A120" s="11" t="s">
        <v>2</v>
      </c>
      <c r="B120" s="12">
        <v>26</v>
      </c>
      <c r="C120" s="12" t="s">
        <v>3</v>
      </c>
      <c r="D120" s="13">
        <v>4</v>
      </c>
      <c r="E120" s="14" t="s">
        <v>4</v>
      </c>
      <c r="F120" s="15">
        <v>2804</v>
      </c>
      <c r="G120" s="16">
        <v>5098</v>
      </c>
      <c r="H120" s="15">
        <v>2198</v>
      </c>
      <c r="I120" s="15">
        <v>2900</v>
      </c>
    </row>
    <row r="121" spans="1:9" ht="23.1" customHeight="1" x14ac:dyDescent="0.2">
      <c r="A121" s="4" t="s">
        <v>2</v>
      </c>
      <c r="B121" s="5">
        <v>26</v>
      </c>
      <c r="C121" s="5" t="s">
        <v>3</v>
      </c>
      <c r="D121" s="9">
        <v>3</v>
      </c>
      <c r="E121" s="6" t="s">
        <v>4</v>
      </c>
      <c r="F121" s="7">
        <v>2691</v>
      </c>
      <c r="G121" s="8">
        <v>4984</v>
      </c>
      <c r="H121" s="7">
        <v>2113</v>
      </c>
      <c r="I121" s="7">
        <v>2871</v>
      </c>
    </row>
    <row r="122" spans="1:9" ht="23.1" customHeight="1" x14ac:dyDescent="0.2">
      <c r="A122" s="4" t="s">
        <v>2</v>
      </c>
      <c r="B122" s="5">
        <v>26</v>
      </c>
      <c r="C122" s="5" t="s">
        <v>3</v>
      </c>
      <c r="D122" s="9">
        <v>2</v>
      </c>
      <c r="E122" s="6" t="s">
        <v>4</v>
      </c>
      <c r="F122" s="7">
        <v>2715</v>
      </c>
      <c r="G122" s="8">
        <v>5013</v>
      </c>
      <c r="H122" s="7">
        <v>2137</v>
      </c>
      <c r="I122" s="7">
        <v>2876</v>
      </c>
    </row>
    <row r="123" spans="1:9" ht="23.1" customHeight="1" x14ac:dyDescent="0.2">
      <c r="A123" s="4" t="s">
        <v>2</v>
      </c>
      <c r="B123" s="5">
        <v>26</v>
      </c>
      <c r="C123" s="5" t="s">
        <v>3</v>
      </c>
      <c r="D123" s="9">
        <v>1</v>
      </c>
      <c r="E123" s="6" t="s">
        <v>4</v>
      </c>
      <c r="F123" s="7">
        <v>2750</v>
      </c>
      <c r="G123" s="8">
        <v>5044</v>
      </c>
      <c r="H123" s="7">
        <v>2148</v>
      </c>
      <c r="I123" s="7">
        <v>2896</v>
      </c>
    </row>
    <row r="124" spans="1:9" ht="23.1" customHeight="1" x14ac:dyDescent="0.2">
      <c r="A124" s="4" t="s">
        <v>2</v>
      </c>
      <c r="B124" s="5">
        <v>25</v>
      </c>
      <c r="C124" s="5" t="s">
        <v>3</v>
      </c>
      <c r="D124" s="9">
        <v>12</v>
      </c>
      <c r="E124" s="6" t="s">
        <v>4</v>
      </c>
      <c r="F124" s="7">
        <v>2741</v>
      </c>
      <c r="G124" s="8">
        <v>5027</v>
      </c>
      <c r="H124" s="7">
        <v>2133</v>
      </c>
      <c r="I124" s="7">
        <v>2894</v>
      </c>
    </row>
    <row r="125" spans="1:9" ht="23.1" customHeight="1" x14ac:dyDescent="0.2">
      <c r="A125" s="4" t="s">
        <v>2</v>
      </c>
      <c r="B125" s="5">
        <v>25</v>
      </c>
      <c r="C125" s="5" t="s">
        <v>3</v>
      </c>
      <c r="D125" s="9">
        <v>11</v>
      </c>
      <c r="E125" s="6" t="s">
        <v>4</v>
      </c>
      <c r="F125" s="7">
        <v>2788</v>
      </c>
      <c r="G125" s="8">
        <v>5068</v>
      </c>
      <c r="H125" s="7">
        <v>2152</v>
      </c>
      <c r="I125" s="7">
        <v>2916</v>
      </c>
    </row>
    <row r="126" spans="1:9" ht="23.1" customHeight="1" x14ac:dyDescent="0.2">
      <c r="A126" s="4" t="s">
        <v>2</v>
      </c>
      <c r="B126" s="5">
        <v>25</v>
      </c>
      <c r="C126" s="5" t="s">
        <v>3</v>
      </c>
      <c r="D126" s="9">
        <v>10</v>
      </c>
      <c r="E126" s="6" t="s">
        <v>4</v>
      </c>
      <c r="F126" s="7">
        <v>2819</v>
      </c>
      <c r="G126" s="8">
        <v>5102</v>
      </c>
      <c r="H126" s="7">
        <v>2175</v>
      </c>
      <c r="I126" s="7">
        <v>2927</v>
      </c>
    </row>
    <row r="127" spans="1:9" ht="23.1" customHeight="1" x14ac:dyDescent="0.2">
      <c r="A127" s="4" t="s">
        <v>2</v>
      </c>
      <c r="B127" s="5">
        <v>25</v>
      </c>
      <c r="C127" s="5" t="s">
        <v>3</v>
      </c>
      <c r="D127" s="9">
        <v>9</v>
      </c>
      <c r="E127" s="6" t="s">
        <v>4</v>
      </c>
      <c r="F127" s="7">
        <v>2764</v>
      </c>
      <c r="G127" s="8">
        <v>5058</v>
      </c>
      <c r="H127" s="7">
        <v>2145</v>
      </c>
      <c r="I127" s="7">
        <v>2913</v>
      </c>
    </row>
    <row r="128" spans="1:9" ht="23.1" customHeight="1" x14ac:dyDescent="0.2">
      <c r="A128" s="4" t="s">
        <v>2</v>
      </c>
      <c r="B128" s="5">
        <v>25</v>
      </c>
      <c r="C128" s="5" t="s">
        <v>3</v>
      </c>
      <c r="D128" s="9">
        <v>8</v>
      </c>
      <c r="E128" s="6" t="s">
        <v>4</v>
      </c>
      <c r="F128" s="7">
        <v>2740</v>
      </c>
      <c r="G128" s="8">
        <v>5034</v>
      </c>
      <c r="H128" s="7">
        <v>2143</v>
      </c>
      <c r="I128" s="7">
        <v>2891</v>
      </c>
    </row>
    <row r="129" spans="1:9" ht="23.1" customHeight="1" x14ac:dyDescent="0.2">
      <c r="A129" s="4" t="s">
        <v>2</v>
      </c>
      <c r="B129" s="5">
        <v>25</v>
      </c>
      <c r="C129" s="5" t="s">
        <v>3</v>
      </c>
      <c r="D129" s="9">
        <v>7</v>
      </c>
      <c r="E129" s="6" t="s">
        <v>4</v>
      </c>
      <c r="F129" s="7">
        <v>2776</v>
      </c>
      <c r="G129" s="8">
        <v>5083</v>
      </c>
      <c r="H129" s="7">
        <v>2144</v>
      </c>
      <c r="I129" s="7">
        <v>2939</v>
      </c>
    </row>
    <row r="130" spans="1:9" ht="23.1" customHeight="1" x14ac:dyDescent="0.2">
      <c r="A130" s="4" t="s">
        <v>2</v>
      </c>
      <c r="B130" s="5">
        <v>25</v>
      </c>
      <c r="C130" s="5" t="s">
        <v>3</v>
      </c>
      <c r="D130" s="9">
        <v>6</v>
      </c>
      <c r="E130" s="6" t="s">
        <v>4</v>
      </c>
      <c r="F130" s="7">
        <v>2792</v>
      </c>
      <c r="G130" s="8">
        <v>5092</v>
      </c>
      <c r="H130" s="7">
        <v>2156</v>
      </c>
      <c r="I130" s="7">
        <v>2936</v>
      </c>
    </row>
    <row r="131" spans="1:9" ht="23.1" customHeight="1" x14ac:dyDescent="0.2">
      <c r="A131" s="4" t="s">
        <v>2</v>
      </c>
      <c r="B131" s="5">
        <v>25</v>
      </c>
      <c r="C131" s="5" t="s">
        <v>3</v>
      </c>
      <c r="D131" s="9">
        <v>5</v>
      </c>
      <c r="E131" s="6" t="s">
        <v>4</v>
      </c>
      <c r="F131" s="7">
        <v>2753</v>
      </c>
      <c r="G131" s="8">
        <v>5056</v>
      </c>
      <c r="H131" s="7">
        <v>2132</v>
      </c>
      <c r="I131" s="7">
        <v>2924</v>
      </c>
    </row>
    <row r="132" spans="1:9" ht="23.1" customHeight="1" x14ac:dyDescent="0.2">
      <c r="A132" s="4" t="s">
        <v>2</v>
      </c>
      <c r="B132" s="5">
        <v>25</v>
      </c>
      <c r="C132" s="5" t="s">
        <v>3</v>
      </c>
      <c r="D132" s="9">
        <v>4</v>
      </c>
      <c r="E132" s="6" t="s">
        <v>4</v>
      </c>
      <c r="F132" s="7">
        <v>2798</v>
      </c>
      <c r="G132" s="8">
        <v>5108</v>
      </c>
      <c r="H132" s="7">
        <v>2170</v>
      </c>
      <c r="I132" s="7">
        <v>2938</v>
      </c>
    </row>
    <row r="133" spans="1:9" ht="23.1" customHeight="1" x14ac:dyDescent="0.2">
      <c r="A133" s="4" t="s">
        <v>2</v>
      </c>
      <c r="B133" s="5">
        <v>25</v>
      </c>
      <c r="C133" s="5" t="s">
        <v>3</v>
      </c>
      <c r="D133" s="9">
        <v>3</v>
      </c>
      <c r="E133" s="6" t="s">
        <v>4</v>
      </c>
      <c r="F133" s="7">
        <v>2764</v>
      </c>
      <c r="G133" s="8">
        <v>5089</v>
      </c>
      <c r="H133" s="7">
        <v>2160</v>
      </c>
      <c r="I133" s="7">
        <v>2929</v>
      </c>
    </row>
    <row r="134" spans="1:9" ht="23.1" customHeight="1" x14ac:dyDescent="0.2">
      <c r="A134" s="4" t="s">
        <v>2</v>
      </c>
      <c r="B134" s="5">
        <v>25</v>
      </c>
      <c r="C134" s="5" t="s">
        <v>3</v>
      </c>
      <c r="D134" s="9">
        <v>2</v>
      </c>
      <c r="E134" s="6" t="s">
        <v>4</v>
      </c>
      <c r="F134" s="7">
        <v>2789</v>
      </c>
      <c r="G134" s="8">
        <v>5117</v>
      </c>
      <c r="H134" s="7">
        <v>2186</v>
      </c>
      <c r="I134" s="7">
        <v>2931</v>
      </c>
    </row>
    <row r="135" spans="1:9" ht="23.1" customHeight="1" x14ac:dyDescent="0.2">
      <c r="A135" s="4" t="s">
        <v>2</v>
      </c>
      <c r="B135" s="5">
        <v>25</v>
      </c>
      <c r="C135" s="5" t="s">
        <v>3</v>
      </c>
      <c r="D135" s="9">
        <v>1</v>
      </c>
      <c r="E135" s="6" t="s">
        <v>4</v>
      </c>
      <c r="F135" s="7">
        <v>2835</v>
      </c>
      <c r="G135" s="8">
        <v>5180</v>
      </c>
      <c r="H135" s="7">
        <v>2194</v>
      </c>
      <c r="I135" s="7">
        <v>2986</v>
      </c>
    </row>
    <row r="136" spans="1:9" ht="23.1" customHeight="1" x14ac:dyDescent="0.2">
      <c r="A136" s="4" t="s">
        <v>2</v>
      </c>
      <c r="B136" s="5">
        <v>24</v>
      </c>
      <c r="C136" s="5" t="s">
        <v>3</v>
      </c>
      <c r="D136" s="9">
        <v>12</v>
      </c>
      <c r="E136" s="6" t="s">
        <v>4</v>
      </c>
      <c r="F136" s="7">
        <v>2881</v>
      </c>
      <c r="G136" s="8">
        <v>5234</v>
      </c>
      <c r="H136" s="7">
        <v>2200</v>
      </c>
      <c r="I136" s="7">
        <v>3034</v>
      </c>
    </row>
    <row r="137" spans="1:9" ht="23.1" customHeight="1" x14ac:dyDescent="0.2">
      <c r="A137" s="4" t="s">
        <v>2</v>
      </c>
      <c r="B137" s="5">
        <v>24</v>
      </c>
      <c r="C137" s="5" t="s">
        <v>3</v>
      </c>
      <c r="D137" s="9">
        <v>11</v>
      </c>
      <c r="E137" s="6" t="s">
        <v>4</v>
      </c>
      <c r="F137" s="7">
        <v>2905</v>
      </c>
      <c r="G137" s="8">
        <v>5278</v>
      </c>
      <c r="H137" s="7">
        <v>2241</v>
      </c>
      <c r="I137" s="7">
        <v>3037</v>
      </c>
    </row>
    <row r="138" spans="1:9" ht="23.1" customHeight="1" x14ac:dyDescent="0.2">
      <c r="A138" s="4" t="s">
        <v>2</v>
      </c>
      <c r="B138" s="5">
        <v>24</v>
      </c>
      <c r="C138" s="5" t="s">
        <v>3</v>
      </c>
      <c r="D138" s="9">
        <v>10</v>
      </c>
      <c r="E138" s="6" t="s">
        <v>4</v>
      </c>
      <c r="F138" s="7">
        <v>2916</v>
      </c>
      <c r="G138" s="8">
        <v>5281</v>
      </c>
      <c r="H138" s="7">
        <v>2256</v>
      </c>
      <c r="I138" s="7">
        <v>3025</v>
      </c>
    </row>
    <row r="139" spans="1:9" ht="23.1" customHeight="1" x14ac:dyDescent="0.2">
      <c r="A139" s="4" t="s">
        <v>2</v>
      </c>
      <c r="B139" s="5">
        <v>24</v>
      </c>
      <c r="C139" s="5" t="s">
        <v>3</v>
      </c>
      <c r="D139" s="9">
        <v>9</v>
      </c>
      <c r="E139" s="6" t="s">
        <v>4</v>
      </c>
      <c r="F139" s="7">
        <v>2886</v>
      </c>
      <c r="G139" s="8">
        <v>5246</v>
      </c>
      <c r="H139" s="7">
        <v>2221</v>
      </c>
      <c r="I139" s="7">
        <v>3025</v>
      </c>
    </row>
    <row r="140" spans="1:9" ht="23.1" customHeight="1" x14ac:dyDescent="0.2">
      <c r="A140" s="4" t="s">
        <v>2</v>
      </c>
      <c r="B140" s="5">
        <v>24</v>
      </c>
      <c r="C140" s="5" t="s">
        <v>3</v>
      </c>
      <c r="D140" s="9">
        <v>8</v>
      </c>
      <c r="E140" s="6" t="s">
        <v>4</v>
      </c>
      <c r="F140" s="7">
        <v>2830</v>
      </c>
      <c r="G140" s="8">
        <v>5172</v>
      </c>
      <c r="H140" s="7">
        <v>2203</v>
      </c>
      <c r="I140" s="7">
        <v>2969</v>
      </c>
    </row>
    <row r="141" spans="1:9" ht="23.1" customHeight="1" x14ac:dyDescent="0.2">
      <c r="A141" s="4" t="s">
        <v>2</v>
      </c>
      <c r="B141" s="5">
        <v>24</v>
      </c>
      <c r="C141" s="5" t="s">
        <v>3</v>
      </c>
      <c r="D141" s="9">
        <v>7</v>
      </c>
      <c r="E141" s="6" t="s">
        <v>4</v>
      </c>
      <c r="F141" s="7">
        <v>2837</v>
      </c>
      <c r="G141" s="8">
        <v>5150</v>
      </c>
      <c r="H141" s="7">
        <v>2195</v>
      </c>
      <c r="I141" s="7">
        <v>2955</v>
      </c>
    </row>
    <row r="142" spans="1:9" x14ac:dyDescent="0.2">
      <c r="G142" s="3"/>
    </row>
    <row r="143" spans="1:9" x14ac:dyDescent="0.2">
      <c r="A143" s="10" t="s">
        <v>8</v>
      </c>
    </row>
  </sheetData>
  <mergeCells count="2">
    <mergeCell ref="A1:I1"/>
    <mergeCell ref="A2:E2"/>
  </mergeCells>
  <phoneticPr fontId="3"/>
  <pageMargins left="0.78740157480314965" right="0.78740157480314965" top="0.78740157480314965" bottom="0.78740157480314965" header="0.51181102362204722" footer="0.51181102362204722"/>
  <pageSetup paperSize="9" orientation="portrait" horizontalDpi="300" verticalDpi="300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外国人世帯数・人員数</vt:lpstr>
    </vt:vector>
  </TitlesOfParts>
  <Company>富山市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企画部情報統計課</dc:creator>
  <cp:lastModifiedBy>富山市役所</cp:lastModifiedBy>
  <cp:lastPrinted>2019-05-08T08:05:11Z</cp:lastPrinted>
  <dcterms:created xsi:type="dcterms:W3CDTF">2008-04-03T06:22:03Z</dcterms:created>
  <dcterms:modified xsi:type="dcterms:W3CDTF">2024-02-02T02:03:40Z</dcterms:modified>
</cp:coreProperties>
</file>